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 autoCompressPictures="0">
  <p:sldMasterIdLst>
    <p:sldMasterId id="2147483648" r:id="rId16"/>
  </p:sldMasterIdLst>
  <p:notesMasterIdLst>
    <p:notesMasterId r:id="rId48"/>
  </p:notesMasterIdLst>
  <p:handoutMasterIdLst>
    <p:handoutMasterId r:id="rId49"/>
  </p:handoutMasterIdLst>
  <p:sldIdLst>
    <p:sldId id="261" r:id="rId17"/>
    <p:sldId id="269" r:id="rId18"/>
    <p:sldId id="270" r:id="rId19"/>
    <p:sldId id="266" r:id="rId20"/>
    <p:sldId id="267" r:id="rId21"/>
    <p:sldId id="268" r:id="rId22"/>
    <p:sldId id="271" r:id="rId23"/>
    <p:sldId id="272" r:id="rId24"/>
    <p:sldId id="289" r:id="rId25"/>
    <p:sldId id="298" r:id="rId26"/>
    <p:sldId id="291" r:id="rId27"/>
    <p:sldId id="299" r:id="rId28"/>
    <p:sldId id="300" r:id="rId29"/>
    <p:sldId id="301" r:id="rId30"/>
    <p:sldId id="295" r:id="rId31"/>
    <p:sldId id="296" r:id="rId32"/>
    <p:sldId id="297" r:id="rId33"/>
    <p:sldId id="273" r:id="rId34"/>
    <p:sldId id="281" r:id="rId35"/>
    <p:sldId id="282" r:id="rId36"/>
    <p:sldId id="276" r:id="rId37"/>
    <p:sldId id="278" r:id="rId38"/>
    <p:sldId id="279" r:id="rId39"/>
    <p:sldId id="280" r:id="rId40"/>
    <p:sldId id="284" r:id="rId41"/>
    <p:sldId id="292" r:id="rId42"/>
    <p:sldId id="290" r:id="rId43"/>
    <p:sldId id="293" r:id="rId44"/>
    <p:sldId id="283" r:id="rId45"/>
    <p:sldId id="263" r:id="rId46"/>
    <p:sldId id="265" r:id="rId47"/>
  </p:sldIdLst>
  <p:sldSz cx="12192000" cy="6858000"/>
  <p:notesSz cx="6858000" cy="9144000"/>
  <p:embeddedFontLst>
    <p:embeddedFont>
      <p:font typeface="ABBvoice" panose="020D0603020503020204" pitchFamily="34" charset="0"/>
      <p:regular r:id="rId50"/>
      <p:bold r:id="rId51"/>
    </p:embeddedFont>
    <p:embeddedFont>
      <p:font typeface="ABBvoice Display SemiBold" panose="020D0704020603060204" pitchFamily="34" charset="0"/>
      <p:bold r:id="rId52"/>
    </p:embeddedFont>
    <p:embeddedFont>
      <p:font typeface="ABBvoice Light" panose="020D0403020503020204" pitchFamily="34" charset="0"/>
      <p:regular r:id="rId53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A6825933-4B6E-25D0-D9B5-175703442533}" name="Luis Elsen-Messmer" initials="LE" userId="S::luis.elsen-messmer@de.abb.com::69aacf96-e865-454d-9ab1-c0467d7d2298" providerId="AD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9F9FA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2173" autoAdjust="0"/>
    <p:restoredTop sz="94673" autoAdjust="0"/>
  </p:normalViewPr>
  <p:slideViewPr>
    <p:cSldViewPr snapToGrid="0" snapToObjects="1" showGuides="1">
      <p:cViewPr varScale="1">
        <p:scale>
          <a:sx n="111" d="100"/>
          <a:sy n="111" d="100"/>
        </p:scale>
        <p:origin x="756" y="96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slide" Target="slides/slide10.xml"/><Relationship Id="rId39" Type="http://schemas.openxmlformats.org/officeDocument/2006/relationships/slide" Target="slides/slide23.xml"/><Relationship Id="rId21" Type="http://schemas.openxmlformats.org/officeDocument/2006/relationships/slide" Target="slides/slide5.xml"/><Relationship Id="rId34" Type="http://schemas.openxmlformats.org/officeDocument/2006/relationships/slide" Target="slides/slide18.xml"/><Relationship Id="rId42" Type="http://schemas.openxmlformats.org/officeDocument/2006/relationships/slide" Target="slides/slide26.xml"/><Relationship Id="rId47" Type="http://schemas.openxmlformats.org/officeDocument/2006/relationships/slide" Target="slides/slide31.xml"/><Relationship Id="rId50" Type="http://schemas.openxmlformats.org/officeDocument/2006/relationships/font" Target="fonts/font1.fntdata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9" Type="http://schemas.openxmlformats.org/officeDocument/2006/relationships/slide" Target="slides/slide13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slide" Target="slides/slide16.xml"/><Relationship Id="rId37" Type="http://schemas.openxmlformats.org/officeDocument/2006/relationships/slide" Target="slides/slide21.xml"/><Relationship Id="rId40" Type="http://schemas.openxmlformats.org/officeDocument/2006/relationships/slide" Target="slides/slide24.xml"/><Relationship Id="rId45" Type="http://schemas.openxmlformats.org/officeDocument/2006/relationships/slide" Target="slides/slide29.xml"/><Relationship Id="rId53" Type="http://schemas.openxmlformats.org/officeDocument/2006/relationships/font" Target="fonts/font4.fntdata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slide" Target="slides/slide11.xml"/><Relationship Id="rId30" Type="http://schemas.openxmlformats.org/officeDocument/2006/relationships/slide" Target="slides/slide14.xml"/><Relationship Id="rId35" Type="http://schemas.openxmlformats.org/officeDocument/2006/relationships/slide" Target="slides/slide19.xml"/><Relationship Id="rId43" Type="http://schemas.openxmlformats.org/officeDocument/2006/relationships/slide" Target="slides/slide27.xml"/><Relationship Id="rId48" Type="http://schemas.openxmlformats.org/officeDocument/2006/relationships/notesMaster" Target="notesMasters/notesMaster1.xml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font" Target="fonts/font2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slide" Target="slides/slide17.xml"/><Relationship Id="rId38" Type="http://schemas.openxmlformats.org/officeDocument/2006/relationships/slide" Target="slides/slide22.xml"/><Relationship Id="rId46" Type="http://schemas.openxmlformats.org/officeDocument/2006/relationships/slide" Target="slides/slide30.xml"/><Relationship Id="rId59" Type="http://schemas.microsoft.com/office/2016/11/relationships/changesInfo" Target="changesInfos/changesInfo1.xml"/><Relationship Id="rId20" Type="http://schemas.openxmlformats.org/officeDocument/2006/relationships/slide" Target="slides/slide4.xml"/><Relationship Id="rId41" Type="http://schemas.openxmlformats.org/officeDocument/2006/relationships/slide" Target="slides/slide25.xml"/><Relationship Id="rId54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slide" Target="slides/slide12.xml"/><Relationship Id="rId36" Type="http://schemas.openxmlformats.org/officeDocument/2006/relationships/slide" Target="slides/slide20.xml"/><Relationship Id="rId49" Type="http://schemas.openxmlformats.org/officeDocument/2006/relationships/handoutMaster" Target="handoutMasters/handoutMaster1.xml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slide" Target="slides/slide15.xml"/><Relationship Id="rId44" Type="http://schemas.openxmlformats.org/officeDocument/2006/relationships/slide" Target="slides/slide28.xml"/><Relationship Id="rId52" Type="http://schemas.openxmlformats.org/officeDocument/2006/relationships/font" Target="fonts/font3.fntdata"/><Relationship Id="rId60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Luis Elsen-Messmer" userId="69aacf96-e865-454d-9ab1-c0467d7d2298" providerId="ADAL" clId="{00E63604-CC62-4018-ACFB-C9F97E6FEEE8}"/>
    <pc:docChg chg="undo redo custSel addSld delSld modSld sldOrd modMainMaster">
      <pc:chgData name="Luis Elsen-Messmer" userId="69aacf96-e865-454d-9ab1-c0467d7d2298" providerId="ADAL" clId="{00E63604-CC62-4018-ACFB-C9F97E6FEEE8}" dt="2025-09-07T10:03:33.892" v="5013" actId="20577"/>
      <pc:docMkLst>
        <pc:docMk/>
      </pc:docMkLst>
      <pc:sldChg chg="modSp mod">
        <pc:chgData name="Luis Elsen-Messmer" userId="69aacf96-e865-454d-9ab1-c0467d7d2298" providerId="ADAL" clId="{00E63604-CC62-4018-ACFB-C9F97E6FEEE8}" dt="2025-08-15T13:36:07.089" v="27" actId="20577"/>
        <pc:sldMkLst>
          <pc:docMk/>
          <pc:sldMk cId="2186884336" sldId="261"/>
        </pc:sldMkLst>
        <pc:spChg chg="mod">
          <ac:chgData name="Luis Elsen-Messmer" userId="69aacf96-e865-454d-9ab1-c0467d7d2298" providerId="ADAL" clId="{00E63604-CC62-4018-ACFB-C9F97E6FEEE8}" dt="2025-08-15T13:36:07.089" v="27" actId="20577"/>
          <ac:spMkLst>
            <pc:docMk/>
            <pc:sldMk cId="2186884336" sldId="261"/>
            <ac:spMk id="2" creationId="{9E049149-61F6-9C37-42FA-274C5D2E94A2}"/>
          </ac:spMkLst>
        </pc:spChg>
      </pc:sldChg>
      <pc:sldChg chg="addSp delSp modSp mod">
        <pc:chgData name="Luis Elsen-Messmer" userId="69aacf96-e865-454d-9ab1-c0467d7d2298" providerId="ADAL" clId="{00E63604-CC62-4018-ACFB-C9F97E6FEEE8}" dt="2025-09-07T09:51:51.398" v="4836" actId="20577"/>
        <pc:sldMkLst>
          <pc:docMk/>
          <pc:sldMk cId="3228514991" sldId="266"/>
        </pc:sldMkLst>
        <pc:spChg chg="mod">
          <ac:chgData name="Luis Elsen-Messmer" userId="69aacf96-e865-454d-9ab1-c0467d7d2298" providerId="ADAL" clId="{00E63604-CC62-4018-ACFB-C9F97E6FEEE8}" dt="2025-09-07T09:51:51.398" v="4836" actId="20577"/>
          <ac:spMkLst>
            <pc:docMk/>
            <pc:sldMk cId="3228514991" sldId="266"/>
            <ac:spMk id="2" creationId="{C327F1A2-6886-6964-56FD-B77DAFA4F04B}"/>
          </ac:spMkLst>
        </pc:spChg>
        <pc:spChg chg="mod">
          <ac:chgData name="Luis Elsen-Messmer" userId="69aacf96-e865-454d-9ab1-c0467d7d2298" providerId="ADAL" clId="{00E63604-CC62-4018-ACFB-C9F97E6FEEE8}" dt="2025-08-27T11:53:11.089" v="4052" actId="1076"/>
          <ac:spMkLst>
            <pc:docMk/>
            <pc:sldMk cId="3228514991" sldId="266"/>
            <ac:spMk id="12" creationId="{A118A949-42BE-8A65-F55B-C9C35C437242}"/>
          </ac:spMkLst>
        </pc:spChg>
        <pc:picChg chg="add mod ord">
          <ac:chgData name="Luis Elsen-Messmer" userId="69aacf96-e865-454d-9ab1-c0467d7d2298" providerId="ADAL" clId="{00E63604-CC62-4018-ACFB-C9F97E6FEEE8}" dt="2025-08-27T11:53:04.919" v="4050" actId="167"/>
          <ac:picMkLst>
            <pc:docMk/>
            <pc:sldMk cId="3228514991" sldId="266"/>
            <ac:picMk id="16" creationId="{388D1C6E-BF04-FEAD-8B44-0D326FA5CFAB}"/>
          </ac:picMkLst>
        </pc:picChg>
        <pc:cxnChg chg="mod">
          <ac:chgData name="Luis Elsen-Messmer" userId="69aacf96-e865-454d-9ab1-c0467d7d2298" providerId="ADAL" clId="{00E63604-CC62-4018-ACFB-C9F97E6FEEE8}" dt="2025-08-27T11:53:08.694" v="4051" actId="1076"/>
          <ac:cxnSpMkLst>
            <pc:docMk/>
            <pc:sldMk cId="3228514991" sldId="266"/>
            <ac:cxnSpMk id="11" creationId="{AF49B976-B457-46E8-45E6-92CFB033DFF3}"/>
          </ac:cxnSpMkLst>
        </pc:cxnChg>
      </pc:sldChg>
      <pc:sldChg chg="addSp delSp modSp mod">
        <pc:chgData name="Luis Elsen-Messmer" userId="69aacf96-e865-454d-9ab1-c0467d7d2298" providerId="ADAL" clId="{00E63604-CC62-4018-ACFB-C9F97E6FEEE8}" dt="2025-08-27T11:55:07.410" v="4180" actId="20577"/>
        <pc:sldMkLst>
          <pc:docMk/>
          <pc:sldMk cId="3626260726" sldId="267"/>
        </pc:sldMkLst>
        <pc:spChg chg="mod">
          <ac:chgData name="Luis Elsen-Messmer" userId="69aacf96-e865-454d-9ab1-c0467d7d2298" providerId="ADAL" clId="{00E63604-CC62-4018-ACFB-C9F97E6FEEE8}" dt="2025-08-27T11:55:07.410" v="4180" actId="20577"/>
          <ac:spMkLst>
            <pc:docMk/>
            <pc:sldMk cId="3626260726" sldId="267"/>
            <ac:spMk id="3" creationId="{1F3A7730-9ADB-074D-294B-AF9DC0872808}"/>
          </ac:spMkLst>
        </pc:spChg>
        <pc:picChg chg="add mod">
          <ac:chgData name="Luis Elsen-Messmer" userId="69aacf96-e865-454d-9ab1-c0467d7d2298" providerId="ADAL" clId="{00E63604-CC62-4018-ACFB-C9F97E6FEEE8}" dt="2025-08-27T11:53:20.685" v="4054" actId="1076"/>
          <ac:picMkLst>
            <pc:docMk/>
            <pc:sldMk cId="3626260726" sldId="267"/>
            <ac:picMk id="10" creationId="{958847EB-7126-384E-3302-8536D67BD33F}"/>
          </ac:picMkLst>
        </pc:picChg>
        <pc:cxnChg chg="add mod">
          <ac:chgData name="Luis Elsen-Messmer" userId="69aacf96-e865-454d-9ab1-c0467d7d2298" providerId="ADAL" clId="{00E63604-CC62-4018-ACFB-C9F97E6FEEE8}" dt="2025-08-20T09:08:30.069" v="69" actId="14100"/>
          <ac:cxnSpMkLst>
            <pc:docMk/>
            <pc:sldMk cId="3626260726" sldId="267"/>
            <ac:cxnSpMk id="12" creationId="{2AACC3F7-F3E6-7C5B-D4FA-A1BD3FD5895E}"/>
          </ac:cxnSpMkLst>
        </pc:cxnChg>
      </pc:sldChg>
      <pc:sldChg chg="modSp mod">
        <pc:chgData name="Luis Elsen-Messmer" userId="69aacf96-e865-454d-9ab1-c0467d7d2298" providerId="ADAL" clId="{00E63604-CC62-4018-ACFB-C9F97E6FEEE8}" dt="2025-09-07T09:52:12.223" v="4840" actId="20577"/>
        <pc:sldMkLst>
          <pc:docMk/>
          <pc:sldMk cId="2265032764" sldId="268"/>
        </pc:sldMkLst>
        <pc:spChg chg="mod">
          <ac:chgData name="Luis Elsen-Messmer" userId="69aacf96-e865-454d-9ab1-c0467d7d2298" providerId="ADAL" clId="{00E63604-CC62-4018-ACFB-C9F97E6FEEE8}" dt="2025-09-07T09:52:12.223" v="4840" actId="20577"/>
          <ac:spMkLst>
            <pc:docMk/>
            <pc:sldMk cId="2265032764" sldId="268"/>
            <ac:spMk id="3" creationId="{5FB0D4D7-150B-9403-13EF-A03271553F69}"/>
          </ac:spMkLst>
        </pc:spChg>
      </pc:sldChg>
      <pc:sldChg chg="modSp mod">
        <pc:chgData name="Luis Elsen-Messmer" userId="69aacf96-e865-454d-9ab1-c0467d7d2298" providerId="ADAL" clId="{00E63604-CC62-4018-ACFB-C9F97E6FEEE8}" dt="2025-09-07T09:50:38.704" v="4825" actId="20577"/>
        <pc:sldMkLst>
          <pc:docMk/>
          <pc:sldMk cId="3251428489" sldId="269"/>
        </pc:sldMkLst>
        <pc:spChg chg="mod">
          <ac:chgData name="Luis Elsen-Messmer" userId="69aacf96-e865-454d-9ab1-c0467d7d2298" providerId="ADAL" clId="{00E63604-CC62-4018-ACFB-C9F97E6FEEE8}" dt="2025-09-07T09:50:38.704" v="4825" actId="20577"/>
          <ac:spMkLst>
            <pc:docMk/>
            <pc:sldMk cId="3251428489" sldId="269"/>
            <ac:spMk id="3" creationId="{2AAA97C3-FF22-64CB-1A2D-764263CB4578}"/>
          </ac:spMkLst>
        </pc:spChg>
      </pc:sldChg>
      <pc:sldChg chg="modSp mod">
        <pc:chgData name="Luis Elsen-Messmer" userId="69aacf96-e865-454d-9ab1-c0467d7d2298" providerId="ADAL" clId="{00E63604-CC62-4018-ACFB-C9F97E6FEEE8}" dt="2025-09-07T09:51:15.980" v="4834" actId="33524"/>
        <pc:sldMkLst>
          <pc:docMk/>
          <pc:sldMk cId="1416910530" sldId="270"/>
        </pc:sldMkLst>
        <pc:spChg chg="mod">
          <ac:chgData name="Luis Elsen-Messmer" userId="69aacf96-e865-454d-9ab1-c0467d7d2298" providerId="ADAL" clId="{00E63604-CC62-4018-ACFB-C9F97E6FEEE8}" dt="2025-09-07T09:51:15.980" v="4834" actId="33524"/>
          <ac:spMkLst>
            <pc:docMk/>
            <pc:sldMk cId="1416910530" sldId="270"/>
            <ac:spMk id="3" creationId="{3E085906-2DBA-755B-9EA3-46D1947942C0}"/>
          </ac:spMkLst>
        </pc:spChg>
      </pc:sldChg>
      <pc:sldChg chg="addSp modSp mod">
        <pc:chgData name="Luis Elsen-Messmer" userId="69aacf96-e865-454d-9ab1-c0467d7d2298" providerId="ADAL" clId="{00E63604-CC62-4018-ACFB-C9F97E6FEEE8}" dt="2025-09-07T09:53:00.636" v="4864" actId="20577"/>
        <pc:sldMkLst>
          <pc:docMk/>
          <pc:sldMk cId="2419260160" sldId="271"/>
        </pc:sldMkLst>
        <pc:spChg chg="mod">
          <ac:chgData name="Luis Elsen-Messmer" userId="69aacf96-e865-454d-9ab1-c0467d7d2298" providerId="ADAL" clId="{00E63604-CC62-4018-ACFB-C9F97E6FEEE8}" dt="2025-09-07T09:53:00.636" v="4864" actId="20577"/>
          <ac:spMkLst>
            <pc:docMk/>
            <pc:sldMk cId="2419260160" sldId="271"/>
            <ac:spMk id="3" creationId="{46F4BEEC-DAC0-F392-4C03-0DA987F41490}"/>
          </ac:spMkLst>
        </pc:spChg>
        <pc:picChg chg="add mod">
          <ac:chgData name="Luis Elsen-Messmer" userId="69aacf96-e865-454d-9ab1-c0467d7d2298" providerId="ADAL" clId="{00E63604-CC62-4018-ACFB-C9F97E6FEEE8}" dt="2025-08-21T13:53:13.306" v="1619" actId="1076"/>
          <ac:picMkLst>
            <pc:docMk/>
            <pc:sldMk cId="2419260160" sldId="271"/>
            <ac:picMk id="9" creationId="{67D17A8F-A716-02A9-1694-2A613EF5DC0F}"/>
          </ac:picMkLst>
        </pc:picChg>
      </pc:sldChg>
      <pc:sldChg chg="modSp mod">
        <pc:chgData name="Luis Elsen-Messmer" userId="69aacf96-e865-454d-9ab1-c0467d7d2298" providerId="ADAL" clId="{00E63604-CC62-4018-ACFB-C9F97E6FEEE8}" dt="2025-08-22T09:14:52.463" v="2117" actId="20577"/>
        <pc:sldMkLst>
          <pc:docMk/>
          <pc:sldMk cId="254031352" sldId="272"/>
        </pc:sldMkLst>
        <pc:spChg chg="mod">
          <ac:chgData name="Luis Elsen-Messmer" userId="69aacf96-e865-454d-9ab1-c0467d7d2298" providerId="ADAL" clId="{00E63604-CC62-4018-ACFB-C9F97E6FEEE8}" dt="2025-08-22T09:14:52.463" v="2117" actId="20577"/>
          <ac:spMkLst>
            <pc:docMk/>
            <pc:sldMk cId="254031352" sldId="272"/>
            <ac:spMk id="3" creationId="{EE98B111-116F-8C40-E5CE-0CAB07C18FC9}"/>
          </ac:spMkLst>
        </pc:spChg>
      </pc:sldChg>
      <pc:sldChg chg="modSp mod">
        <pc:chgData name="Luis Elsen-Messmer" userId="69aacf96-e865-454d-9ab1-c0467d7d2298" providerId="ADAL" clId="{00E63604-CC62-4018-ACFB-C9F97E6FEEE8}" dt="2025-09-07T09:57:59.680" v="4902" actId="20577"/>
        <pc:sldMkLst>
          <pc:docMk/>
          <pc:sldMk cId="2445793839" sldId="273"/>
        </pc:sldMkLst>
        <pc:spChg chg="mod">
          <ac:chgData name="Luis Elsen-Messmer" userId="69aacf96-e865-454d-9ab1-c0467d7d2298" providerId="ADAL" clId="{00E63604-CC62-4018-ACFB-C9F97E6FEEE8}" dt="2025-08-20T09:13:48.473" v="133" actId="20577"/>
          <ac:spMkLst>
            <pc:docMk/>
            <pc:sldMk cId="2445793839" sldId="273"/>
            <ac:spMk id="2" creationId="{13E1DADA-0096-D760-FEA2-1B9BE5A72DE4}"/>
          </ac:spMkLst>
        </pc:spChg>
        <pc:spChg chg="mod">
          <ac:chgData name="Luis Elsen-Messmer" userId="69aacf96-e865-454d-9ab1-c0467d7d2298" providerId="ADAL" clId="{00E63604-CC62-4018-ACFB-C9F97E6FEEE8}" dt="2025-09-07T09:57:59.680" v="4902" actId="20577"/>
          <ac:spMkLst>
            <pc:docMk/>
            <pc:sldMk cId="2445793839" sldId="273"/>
            <ac:spMk id="3" creationId="{5276581C-0649-6013-4B54-FF3DCC1361E8}"/>
          </ac:spMkLst>
        </pc:spChg>
      </pc:sldChg>
      <pc:sldChg chg="del">
        <pc:chgData name="Luis Elsen-Messmer" userId="69aacf96-e865-454d-9ab1-c0467d7d2298" providerId="ADAL" clId="{00E63604-CC62-4018-ACFB-C9F97E6FEEE8}" dt="2025-08-20T10:42:46.626" v="1142" actId="2696"/>
        <pc:sldMkLst>
          <pc:docMk/>
          <pc:sldMk cId="3115592471" sldId="274"/>
        </pc:sldMkLst>
      </pc:sldChg>
      <pc:sldChg chg="del">
        <pc:chgData name="Luis Elsen-Messmer" userId="69aacf96-e865-454d-9ab1-c0467d7d2298" providerId="ADAL" clId="{00E63604-CC62-4018-ACFB-C9F97E6FEEE8}" dt="2025-08-20T10:42:53.676" v="1143" actId="2696"/>
        <pc:sldMkLst>
          <pc:docMk/>
          <pc:sldMk cId="1235046067" sldId="275"/>
        </pc:sldMkLst>
      </pc:sldChg>
      <pc:sldChg chg="modSp mod">
        <pc:chgData name="Luis Elsen-Messmer" userId="69aacf96-e865-454d-9ab1-c0467d7d2298" providerId="ADAL" clId="{00E63604-CC62-4018-ACFB-C9F97E6FEEE8}" dt="2025-09-07T09:59:29.750" v="4924" actId="20577"/>
        <pc:sldMkLst>
          <pc:docMk/>
          <pc:sldMk cId="3902200039" sldId="276"/>
        </pc:sldMkLst>
        <pc:spChg chg="mod">
          <ac:chgData name="Luis Elsen-Messmer" userId="69aacf96-e865-454d-9ab1-c0467d7d2298" providerId="ADAL" clId="{00E63604-CC62-4018-ACFB-C9F97E6FEEE8}" dt="2025-09-07T09:59:29.750" v="4924" actId="20577"/>
          <ac:spMkLst>
            <pc:docMk/>
            <pc:sldMk cId="3902200039" sldId="276"/>
            <ac:spMk id="3" creationId="{EA429F15-1A10-8F00-96E4-CB9AB9701C14}"/>
          </ac:spMkLst>
        </pc:spChg>
      </pc:sldChg>
      <pc:sldChg chg="modSp new mod">
        <pc:chgData name="Luis Elsen-Messmer" userId="69aacf96-e865-454d-9ab1-c0467d7d2298" providerId="ADAL" clId="{00E63604-CC62-4018-ACFB-C9F97E6FEEE8}" dt="2025-09-07T09:58:29.790" v="4912" actId="20577"/>
        <pc:sldMkLst>
          <pc:docMk/>
          <pc:sldMk cId="907217859" sldId="281"/>
        </pc:sldMkLst>
        <pc:spChg chg="mod">
          <ac:chgData name="Luis Elsen-Messmer" userId="69aacf96-e865-454d-9ab1-c0467d7d2298" providerId="ADAL" clId="{00E63604-CC62-4018-ACFB-C9F97E6FEEE8}" dt="2025-08-20T09:18:01.154" v="294" actId="20577"/>
          <ac:spMkLst>
            <pc:docMk/>
            <pc:sldMk cId="907217859" sldId="281"/>
            <ac:spMk id="2" creationId="{3E8898F1-AA16-0B15-CCD9-B8B759385AEC}"/>
          </ac:spMkLst>
        </pc:spChg>
        <pc:spChg chg="mod">
          <ac:chgData name="Luis Elsen-Messmer" userId="69aacf96-e865-454d-9ab1-c0467d7d2298" providerId="ADAL" clId="{00E63604-CC62-4018-ACFB-C9F97E6FEEE8}" dt="2025-09-07T09:58:29.790" v="4912" actId="20577"/>
          <ac:spMkLst>
            <pc:docMk/>
            <pc:sldMk cId="907217859" sldId="281"/>
            <ac:spMk id="3" creationId="{FC02D33A-F8E2-FBF0-E593-A01E6387724E}"/>
          </ac:spMkLst>
        </pc:spChg>
      </pc:sldChg>
      <pc:sldChg chg="modSp new mod ord">
        <pc:chgData name="Luis Elsen-Messmer" userId="69aacf96-e865-454d-9ab1-c0467d7d2298" providerId="ADAL" clId="{00E63604-CC62-4018-ACFB-C9F97E6FEEE8}" dt="2025-09-07T09:59:15.881" v="4918" actId="20577"/>
        <pc:sldMkLst>
          <pc:docMk/>
          <pc:sldMk cId="3143206418" sldId="282"/>
        </pc:sldMkLst>
        <pc:spChg chg="mod">
          <ac:chgData name="Luis Elsen-Messmer" userId="69aacf96-e865-454d-9ab1-c0467d7d2298" providerId="ADAL" clId="{00E63604-CC62-4018-ACFB-C9F97E6FEEE8}" dt="2025-08-20T10:40:55.464" v="1011" actId="20577"/>
          <ac:spMkLst>
            <pc:docMk/>
            <pc:sldMk cId="3143206418" sldId="282"/>
            <ac:spMk id="2" creationId="{BC72EC05-C68C-F8AB-9524-5522CA33E2AC}"/>
          </ac:spMkLst>
        </pc:spChg>
        <pc:spChg chg="mod">
          <ac:chgData name="Luis Elsen-Messmer" userId="69aacf96-e865-454d-9ab1-c0467d7d2298" providerId="ADAL" clId="{00E63604-CC62-4018-ACFB-C9F97E6FEEE8}" dt="2025-09-07T09:59:15.881" v="4918" actId="20577"/>
          <ac:spMkLst>
            <pc:docMk/>
            <pc:sldMk cId="3143206418" sldId="282"/>
            <ac:spMk id="3" creationId="{084461B3-408A-DD96-ADA9-2EE61874D70E}"/>
          </ac:spMkLst>
        </pc:spChg>
      </pc:sldChg>
      <pc:sldChg chg="new del">
        <pc:chgData name="Luis Elsen-Messmer" userId="69aacf96-e865-454d-9ab1-c0467d7d2298" providerId="ADAL" clId="{00E63604-CC62-4018-ACFB-C9F97E6FEEE8}" dt="2025-08-20T11:28:23.634" v="1175" actId="680"/>
        <pc:sldMkLst>
          <pc:docMk/>
          <pc:sldMk cId="841718243" sldId="283"/>
        </pc:sldMkLst>
      </pc:sldChg>
      <pc:sldChg chg="addSp delSp modSp new mod">
        <pc:chgData name="Luis Elsen-Messmer" userId="69aacf96-e865-454d-9ab1-c0467d7d2298" providerId="ADAL" clId="{00E63604-CC62-4018-ACFB-C9F97E6FEEE8}" dt="2025-09-07T10:02:43.600" v="4930" actId="20577"/>
        <pc:sldMkLst>
          <pc:docMk/>
          <pc:sldMk cId="998459959" sldId="283"/>
        </pc:sldMkLst>
        <pc:spChg chg="mod">
          <ac:chgData name="Luis Elsen-Messmer" userId="69aacf96-e865-454d-9ab1-c0467d7d2298" providerId="ADAL" clId="{00E63604-CC62-4018-ACFB-C9F97E6FEEE8}" dt="2025-08-20T11:28:32.667" v="1191" actId="20577"/>
          <ac:spMkLst>
            <pc:docMk/>
            <pc:sldMk cId="998459959" sldId="283"/>
            <ac:spMk id="2" creationId="{44D537D1-5DEB-FA09-A09C-F52322771284}"/>
          </ac:spMkLst>
        </pc:spChg>
        <pc:spChg chg="mod">
          <ac:chgData name="Luis Elsen-Messmer" userId="69aacf96-e865-454d-9ab1-c0467d7d2298" providerId="ADAL" clId="{00E63604-CC62-4018-ACFB-C9F97E6FEEE8}" dt="2025-09-07T10:02:43.600" v="4930" actId="20577"/>
          <ac:spMkLst>
            <pc:docMk/>
            <pc:sldMk cId="998459959" sldId="283"/>
            <ac:spMk id="3" creationId="{7C7CA299-835D-5F9B-6151-386C85799976}"/>
          </ac:spMkLst>
        </pc:spChg>
        <pc:picChg chg="add mod">
          <ac:chgData name="Luis Elsen-Messmer" userId="69aacf96-e865-454d-9ab1-c0467d7d2298" providerId="ADAL" clId="{00E63604-CC62-4018-ACFB-C9F97E6FEEE8}" dt="2025-09-02T13:34:58.942" v="4492" actId="1076"/>
          <ac:picMkLst>
            <pc:docMk/>
            <pc:sldMk cId="998459959" sldId="283"/>
            <ac:picMk id="9" creationId="{8891A230-008F-1A73-A81B-D46EDC9E5618}"/>
          </ac:picMkLst>
        </pc:picChg>
      </pc:sldChg>
      <pc:sldChg chg="addSp delSp modSp new mod">
        <pc:chgData name="Luis Elsen-Messmer" userId="69aacf96-e865-454d-9ab1-c0467d7d2298" providerId="ADAL" clId="{00E63604-CC62-4018-ACFB-C9F97E6FEEE8}" dt="2025-08-21T13:43:29.105" v="1401" actId="20577"/>
        <pc:sldMkLst>
          <pc:docMk/>
          <pc:sldMk cId="757440431" sldId="284"/>
        </pc:sldMkLst>
        <pc:spChg chg="mod">
          <ac:chgData name="Luis Elsen-Messmer" userId="69aacf96-e865-454d-9ab1-c0467d7d2298" providerId="ADAL" clId="{00E63604-CC62-4018-ACFB-C9F97E6FEEE8}" dt="2025-08-21T13:41:26.647" v="1346" actId="26606"/>
          <ac:spMkLst>
            <pc:docMk/>
            <pc:sldMk cId="757440431" sldId="284"/>
            <ac:spMk id="2" creationId="{D3F99E96-980C-3E4D-266B-4A9F54EB85D3}"/>
          </ac:spMkLst>
        </pc:spChg>
        <pc:spChg chg="mod">
          <ac:chgData name="Luis Elsen-Messmer" userId="69aacf96-e865-454d-9ab1-c0467d7d2298" providerId="ADAL" clId="{00E63604-CC62-4018-ACFB-C9F97E6FEEE8}" dt="2025-08-21T13:43:29.105" v="1401" actId="20577"/>
          <ac:spMkLst>
            <pc:docMk/>
            <pc:sldMk cId="757440431" sldId="284"/>
            <ac:spMk id="3" creationId="{0952DE24-CDD4-5DAF-BAE7-4B00BE656344}"/>
          </ac:spMkLst>
        </pc:spChg>
        <pc:spChg chg="add del">
          <ac:chgData name="Luis Elsen-Messmer" userId="69aacf96-e865-454d-9ab1-c0467d7d2298" providerId="ADAL" clId="{00E63604-CC62-4018-ACFB-C9F97E6FEEE8}" dt="2025-08-21T13:41:26.647" v="1346" actId="26606"/>
          <ac:spMkLst>
            <pc:docMk/>
            <pc:sldMk cId="757440431" sldId="284"/>
            <ac:spMk id="4" creationId="{C2989479-3F59-A6DC-03C6-D7D7BA390B83}"/>
          </ac:spMkLst>
        </pc:spChg>
        <pc:spChg chg="add del">
          <ac:chgData name="Luis Elsen-Messmer" userId="69aacf96-e865-454d-9ab1-c0467d7d2298" providerId="ADAL" clId="{00E63604-CC62-4018-ACFB-C9F97E6FEEE8}" dt="2025-08-21T13:41:26.647" v="1346" actId="26606"/>
          <ac:spMkLst>
            <pc:docMk/>
            <pc:sldMk cId="757440431" sldId="284"/>
            <ac:spMk id="5" creationId="{95B0A85B-26C0-384F-C094-B109ACEDBEE4}"/>
          </ac:spMkLst>
        </pc:spChg>
        <pc:spChg chg="mod">
          <ac:chgData name="Luis Elsen-Messmer" userId="69aacf96-e865-454d-9ab1-c0467d7d2298" providerId="ADAL" clId="{00E63604-CC62-4018-ACFB-C9F97E6FEEE8}" dt="2025-08-21T13:41:26.647" v="1346" actId="26606"/>
          <ac:spMkLst>
            <pc:docMk/>
            <pc:sldMk cId="757440431" sldId="284"/>
            <ac:spMk id="6" creationId="{83AF6502-7E2B-DED8-66F3-F409B9EEAD9F}"/>
          </ac:spMkLst>
        </pc:spChg>
        <pc:spChg chg="mod">
          <ac:chgData name="Luis Elsen-Messmer" userId="69aacf96-e865-454d-9ab1-c0467d7d2298" providerId="ADAL" clId="{00E63604-CC62-4018-ACFB-C9F97E6FEEE8}" dt="2025-08-21T13:41:26.647" v="1346" actId="26606"/>
          <ac:spMkLst>
            <pc:docMk/>
            <pc:sldMk cId="757440431" sldId="284"/>
            <ac:spMk id="7" creationId="{BF4F5617-B1B5-F346-D90B-88057765B1CD}"/>
          </ac:spMkLst>
        </pc:spChg>
        <pc:picChg chg="add mod ord">
          <ac:chgData name="Luis Elsen-Messmer" userId="69aacf96-e865-454d-9ab1-c0467d7d2298" providerId="ADAL" clId="{00E63604-CC62-4018-ACFB-C9F97E6FEEE8}" dt="2025-08-21T13:41:34.746" v="1347" actId="1076"/>
          <ac:picMkLst>
            <pc:docMk/>
            <pc:sldMk cId="757440431" sldId="284"/>
            <ac:picMk id="11" creationId="{27788A38-7ADD-8DDF-FE79-E50E5E0D5B7A}"/>
          </ac:picMkLst>
        </pc:picChg>
      </pc:sldChg>
      <pc:sldChg chg="new del">
        <pc:chgData name="Luis Elsen-Messmer" userId="69aacf96-e865-454d-9ab1-c0467d7d2298" providerId="ADAL" clId="{00E63604-CC62-4018-ACFB-C9F97E6FEEE8}" dt="2025-08-21T13:35:18.832" v="1258" actId="680"/>
        <pc:sldMkLst>
          <pc:docMk/>
          <pc:sldMk cId="2579231495" sldId="284"/>
        </pc:sldMkLst>
      </pc:sldChg>
      <pc:sldChg chg="modSp new del mod">
        <pc:chgData name="Luis Elsen-Messmer" userId="69aacf96-e865-454d-9ab1-c0467d7d2298" providerId="ADAL" clId="{00E63604-CC62-4018-ACFB-C9F97E6FEEE8}" dt="2025-08-27T12:06:23.687" v="4317" actId="47"/>
        <pc:sldMkLst>
          <pc:docMk/>
          <pc:sldMk cId="3628220421" sldId="285"/>
        </pc:sldMkLst>
      </pc:sldChg>
      <pc:sldChg chg="modSp new del mod">
        <pc:chgData name="Luis Elsen-Messmer" userId="69aacf96-e865-454d-9ab1-c0467d7d2298" providerId="ADAL" clId="{00E63604-CC62-4018-ACFB-C9F97E6FEEE8}" dt="2025-08-27T12:06:23.687" v="4317" actId="47"/>
        <pc:sldMkLst>
          <pc:docMk/>
          <pc:sldMk cId="2289961981" sldId="286"/>
        </pc:sldMkLst>
      </pc:sldChg>
      <pc:sldChg chg="addSp delSp modSp new del mod">
        <pc:chgData name="Luis Elsen-Messmer" userId="69aacf96-e865-454d-9ab1-c0467d7d2298" providerId="ADAL" clId="{00E63604-CC62-4018-ACFB-C9F97E6FEEE8}" dt="2025-08-27T12:06:23.687" v="4317" actId="47"/>
        <pc:sldMkLst>
          <pc:docMk/>
          <pc:sldMk cId="462208368" sldId="287"/>
        </pc:sldMkLst>
      </pc:sldChg>
      <pc:sldChg chg="addSp delSp modSp new del mod">
        <pc:chgData name="Luis Elsen-Messmer" userId="69aacf96-e865-454d-9ab1-c0467d7d2298" providerId="ADAL" clId="{00E63604-CC62-4018-ACFB-C9F97E6FEEE8}" dt="2025-08-27T12:06:23.687" v="4317" actId="47"/>
        <pc:sldMkLst>
          <pc:docMk/>
          <pc:sldMk cId="3140386853" sldId="288"/>
        </pc:sldMkLst>
      </pc:sldChg>
      <pc:sldChg chg="new del">
        <pc:chgData name="Luis Elsen-Messmer" userId="69aacf96-e865-454d-9ab1-c0467d7d2298" providerId="ADAL" clId="{00E63604-CC62-4018-ACFB-C9F97E6FEEE8}" dt="2025-08-21T14:14:39.622" v="1836" actId="680"/>
        <pc:sldMkLst>
          <pc:docMk/>
          <pc:sldMk cId="171388748" sldId="289"/>
        </pc:sldMkLst>
      </pc:sldChg>
      <pc:sldChg chg="addSp delSp modSp new mod">
        <pc:chgData name="Luis Elsen-Messmer" userId="69aacf96-e865-454d-9ab1-c0467d7d2298" providerId="ADAL" clId="{00E63604-CC62-4018-ACFB-C9F97E6FEEE8}" dt="2025-08-25T06:52:58.907" v="2443" actId="27614"/>
        <pc:sldMkLst>
          <pc:docMk/>
          <pc:sldMk cId="2302767177" sldId="289"/>
        </pc:sldMkLst>
        <pc:spChg chg="mod">
          <ac:chgData name="Luis Elsen-Messmer" userId="69aacf96-e865-454d-9ab1-c0467d7d2298" providerId="ADAL" clId="{00E63604-CC62-4018-ACFB-C9F97E6FEEE8}" dt="2025-08-25T06:52:53.890" v="2442" actId="26606"/>
          <ac:spMkLst>
            <pc:docMk/>
            <pc:sldMk cId="2302767177" sldId="289"/>
            <ac:spMk id="2" creationId="{6937B8EB-D114-64D7-89BF-1E448E43436B}"/>
          </ac:spMkLst>
        </pc:spChg>
        <pc:spChg chg="mod">
          <ac:chgData name="Luis Elsen-Messmer" userId="69aacf96-e865-454d-9ab1-c0467d7d2298" providerId="ADAL" clId="{00E63604-CC62-4018-ACFB-C9F97E6FEEE8}" dt="2025-08-25T06:52:53.890" v="2442" actId="26606"/>
          <ac:spMkLst>
            <pc:docMk/>
            <pc:sldMk cId="2302767177" sldId="289"/>
            <ac:spMk id="3" creationId="{0521B1CB-2BC7-221C-2FF9-6B9737FA991C}"/>
          </ac:spMkLst>
        </pc:spChg>
        <pc:spChg chg="mod">
          <ac:chgData name="Luis Elsen-Messmer" userId="69aacf96-e865-454d-9ab1-c0467d7d2298" providerId="ADAL" clId="{00E63604-CC62-4018-ACFB-C9F97E6FEEE8}" dt="2025-08-25T06:52:53.890" v="2442" actId="26606"/>
          <ac:spMkLst>
            <pc:docMk/>
            <pc:sldMk cId="2302767177" sldId="289"/>
            <ac:spMk id="6" creationId="{21A687A1-B6FD-2068-1E29-3D1176B7A624}"/>
          </ac:spMkLst>
        </pc:spChg>
        <pc:spChg chg="mod">
          <ac:chgData name="Luis Elsen-Messmer" userId="69aacf96-e865-454d-9ab1-c0467d7d2298" providerId="ADAL" clId="{00E63604-CC62-4018-ACFB-C9F97E6FEEE8}" dt="2025-08-25T06:52:53.890" v="2442" actId="26606"/>
          <ac:spMkLst>
            <pc:docMk/>
            <pc:sldMk cId="2302767177" sldId="289"/>
            <ac:spMk id="7" creationId="{24FEFA45-B0B0-D2A6-5E17-6BF4055CC6EB}"/>
          </ac:spMkLst>
        </pc:spChg>
        <pc:spChg chg="add">
          <ac:chgData name="Luis Elsen-Messmer" userId="69aacf96-e865-454d-9ab1-c0467d7d2298" providerId="ADAL" clId="{00E63604-CC62-4018-ACFB-C9F97E6FEEE8}" dt="2025-08-25T06:52:53.890" v="2442" actId="26606"/>
          <ac:spMkLst>
            <pc:docMk/>
            <pc:sldMk cId="2302767177" sldId="289"/>
            <ac:spMk id="14" creationId="{7BAD2771-00D9-C111-CA2B-7499C6A99BEE}"/>
          </ac:spMkLst>
        </pc:spChg>
        <pc:spChg chg="add">
          <ac:chgData name="Luis Elsen-Messmer" userId="69aacf96-e865-454d-9ab1-c0467d7d2298" providerId="ADAL" clId="{00E63604-CC62-4018-ACFB-C9F97E6FEEE8}" dt="2025-08-25T06:52:53.890" v="2442" actId="26606"/>
          <ac:spMkLst>
            <pc:docMk/>
            <pc:sldMk cId="2302767177" sldId="289"/>
            <ac:spMk id="16" creationId="{B13BCAE8-491C-2BD7-5E67-91D6455439B2}"/>
          </ac:spMkLst>
        </pc:spChg>
        <pc:picChg chg="add mod ord">
          <ac:chgData name="Luis Elsen-Messmer" userId="69aacf96-e865-454d-9ab1-c0467d7d2298" providerId="ADAL" clId="{00E63604-CC62-4018-ACFB-C9F97E6FEEE8}" dt="2025-08-25T06:52:58.907" v="2443" actId="27614"/>
          <ac:picMkLst>
            <pc:docMk/>
            <pc:sldMk cId="2302767177" sldId="289"/>
            <ac:picMk id="9" creationId="{93F62C61-F4D6-35BF-C6DE-D959206C00CA}"/>
          </ac:picMkLst>
        </pc:picChg>
      </pc:sldChg>
      <pc:sldChg chg="addSp delSp modSp new mod ord modClrScheme chgLayout">
        <pc:chgData name="Luis Elsen-Messmer" userId="69aacf96-e865-454d-9ab1-c0467d7d2298" providerId="ADAL" clId="{00E63604-CC62-4018-ACFB-C9F97E6FEEE8}" dt="2025-09-07T10:03:33.892" v="5013" actId="20577"/>
        <pc:sldMkLst>
          <pc:docMk/>
          <pc:sldMk cId="2825335288" sldId="290"/>
        </pc:sldMkLst>
        <pc:spChg chg="add del mod">
          <ac:chgData name="Luis Elsen-Messmer" userId="69aacf96-e865-454d-9ab1-c0467d7d2298" providerId="ADAL" clId="{00E63604-CC62-4018-ACFB-C9F97E6FEEE8}" dt="2025-09-07T10:03:33.433" v="4965"/>
          <ac:spMkLst>
            <pc:docMk/>
            <pc:sldMk cId="2825335288" sldId="290"/>
            <ac:spMk id="2" creationId="{DDEE44CC-12D0-9977-9A2B-BAA4D006B0F2}"/>
          </ac:spMkLst>
        </pc:spChg>
        <pc:spChg chg="add del mod">
          <ac:chgData name="Luis Elsen-Messmer" userId="69aacf96-e865-454d-9ab1-c0467d7d2298" providerId="ADAL" clId="{00E63604-CC62-4018-ACFB-C9F97E6FEEE8}" dt="2025-09-07T10:03:33.492" v="4972"/>
          <ac:spMkLst>
            <pc:docMk/>
            <pc:sldMk cId="2825335288" sldId="290"/>
            <ac:spMk id="3" creationId="{AE352ACF-B22D-8A91-9CB4-2BEDA0EFE530}"/>
          </ac:spMkLst>
        </pc:spChg>
        <pc:spChg chg="add del mod">
          <ac:chgData name="Luis Elsen-Messmer" userId="69aacf96-e865-454d-9ab1-c0467d7d2298" providerId="ADAL" clId="{00E63604-CC62-4018-ACFB-C9F97E6FEEE8}" dt="2025-09-07T10:03:33.532" v="4979"/>
          <ac:spMkLst>
            <pc:docMk/>
            <pc:sldMk cId="2825335288" sldId="290"/>
            <ac:spMk id="4" creationId="{554EE7D0-52CA-50F6-590E-B62EA1D524C4}"/>
          </ac:spMkLst>
        </pc:spChg>
        <pc:spChg chg="mod">
          <ac:chgData name="Luis Elsen-Messmer" userId="69aacf96-e865-454d-9ab1-c0467d7d2298" providerId="ADAL" clId="{00E63604-CC62-4018-ACFB-C9F97E6FEEE8}" dt="2025-08-25T12:09:16.636" v="2501" actId="26606"/>
          <ac:spMkLst>
            <pc:docMk/>
            <pc:sldMk cId="2825335288" sldId="290"/>
            <ac:spMk id="6" creationId="{47C60EE8-105E-7D57-DBE4-D1D402EEFA30}"/>
          </ac:spMkLst>
        </pc:spChg>
        <pc:spChg chg="mod">
          <ac:chgData name="Luis Elsen-Messmer" userId="69aacf96-e865-454d-9ab1-c0467d7d2298" providerId="ADAL" clId="{00E63604-CC62-4018-ACFB-C9F97E6FEEE8}" dt="2025-08-25T12:09:16.636" v="2501" actId="26606"/>
          <ac:spMkLst>
            <pc:docMk/>
            <pc:sldMk cId="2825335288" sldId="290"/>
            <ac:spMk id="7" creationId="{D41DB390-D993-6625-526C-210119BC05B2}"/>
          </ac:spMkLst>
        </pc:spChg>
        <pc:spChg chg="add mod">
          <ac:chgData name="Luis Elsen-Messmer" userId="69aacf96-e865-454d-9ab1-c0467d7d2298" providerId="ADAL" clId="{00E63604-CC62-4018-ACFB-C9F97E6FEEE8}" dt="2025-09-07T10:03:33.892" v="5013" actId="20577"/>
          <ac:spMkLst>
            <pc:docMk/>
            <pc:sldMk cId="2825335288" sldId="290"/>
            <ac:spMk id="10" creationId="{B7703828-0484-0BF4-5D74-B8161BA6E8BF}"/>
          </ac:spMkLst>
        </pc:spChg>
        <pc:spChg chg="add mod">
          <ac:chgData name="Luis Elsen-Messmer" userId="69aacf96-e865-454d-9ab1-c0467d7d2298" providerId="ADAL" clId="{00E63604-CC62-4018-ACFB-C9F97E6FEEE8}" dt="2025-09-07T10:03:33.509" v="4977"/>
          <ac:spMkLst>
            <pc:docMk/>
            <pc:sldMk cId="2825335288" sldId="290"/>
            <ac:spMk id="11" creationId="{5E233A6B-E923-1527-2950-33E45CF897A0}"/>
          </ac:spMkLst>
        </pc:spChg>
        <pc:spChg chg="add mod">
          <ac:chgData name="Luis Elsen-Messmer" userId="69aacf96-e865-454d-9ab1-c0467d7d2298" providerId="ADAL" clId="{00E63604-CC62-4018-ACFB-C9F97E6FEEE8}" dt="2025-09-07T10:03:33.547" v="4984"/>
          <ac:spMkLst>
            <pc:docMk/>
            <pc:sldMk cId="2825335288" sldId="290"/>
            <ac:spMk id="12" creationId="{2C42025F-41D3-7A5B-2C5F-FD9456AD167C}"/>
          </ac:spMkLst>
        </pc:spChg>
        <pc:spChg chg="add mod">
          <ac:chgData name="Luis Elsen-Messmer" userId="69aacf96-e865-454d-9ab1-c0467d7d2298" providerId="ADAL" clId="{00E63604-CC62-4018-ACFB-C9F97E6FEEE8}" dt="2025-08-25T14:35:35.248" v="3065" actId="1076"/>
          <ac:spMkLst>
            <pc:docMk/>
            <pc:sldMk cId="2825335288" sldId="290"/>
            <ac:spMk id="19" creationId="{F7B40E15-8ED2-981A-97CF-577791EF94F4}"/>
          </ac:spMkLst>
        </pc:spChg>
        <pc:spChg chg="add del mod">
          <ac:chgData name="Luis Elsen-Messmer" userId="69aacf96-e865-454d-9ab1-c0467d7d2298" providerId="ADAL" clId="{00E63604-CC62-4018-ACFB-C9F97E6FEEE8}" dt="2025-09-07T09:49:56.449" v="4759"/>
          <ac:spMkLst>
            <pc:docMk/>
            <pc:sldMk cId="2825335288" sldId="290"/>
            <ac:spMk id="22" creationId="{7015FAF3-E99A-9D58-AB25-CD497F92C8EB}"/>
          </ac:spMkLst>
        </pc:spChg>
        <pc:spChg chg="add del mod">
          <ac:chgData name="Luis Elsen-Messmer" userId="69aacf96-e865-454d-9ab1-c0467d7d2298" providerId="ADAL" clId="{00E63604-CC62-4018-ACFB-C9F97E6FEEE8}" dt="2025-09-07T09:49:56.842" v="4766"/>
          <ac:spMkLst>
            <pc:docMk/>
            <pc:sldMk cId="2825335288" sldId="290"/>
            <ac:spMk id="23" creationId="{58871C35-EB06-F47D-87E9-239C78ED3B42}"/>
          </ac:spMkLst>
        </pc:spChg>
        <pc:spChg chg="add del mod">
          <ac:chgData name="Luis Elsen-Messmer" userId="69aacf96-e865-454d-9ab1-c0467d7d2298" providerId="ADAL" clId="{00E63604-CC62-4018-ACFB-C9F97E6FEEE8}" dt="2025-09-07T09:49:57.030" v="4773"/>
          <ac:spMkLst>
            <pc:docMk/>
            <pc:sldMk cId="2825335288" sldId="290"/>
            <ac:spMk id="24" creationId="{986AB5D0-274B-94DB-029E-0AD27762F488}"/>
          </ac:spMkLst>
        </pc:spChg>
        <pc:picChg chg="add del mod">
          <ac:chgData name="Luis Elsen-Messmer" userId="69aacf96-e865-454d-9ab1-c0467d7d2298" providerId="ADAL" clId="{00E63604-CC62-4018-ACFB-C9F97E6FEEE8}" dt="2025-09-07T10:03:33.570" v="4986"/>
          <ac:picMkLst>
            <pc:docMk/>
            <pc:sldMk cId="2825335288" sldId="290"/>
            <ac:picMk id="5" creationId="{11A63D4A-E480-FD81-13EC-033F7A26BC69}"/>
          </ac:picMkLst>
        </pc:picChg>
        <pc:picChg chg="add del mod">
          <ac:chgData name="Luis Elsen-Messmer" userId="69aacf96-e865-454d-9ab1-c0467d7d2298" providerId="ADAL" clId="{00E63604-CC62-4018-ACFB-C9F97E6FEEE8}" dt="2025-09-07T10:00:12.065" v="4926" actId="478"/>
          <ac:picMkLst>
            <pc:docMk/>
            <pc:sldMk cId="2825335288" sldId="290"/>
            <ac:picMk id="8" creationId="{E325C51A-40F8-4EE0-CF54-FD02FF795396}"/>
          </ac:picMkLst>
        </pc:picChg>
        <pc:picChg chg="add del mod ord">
          <ac:chgData name="Luis Elsen-Messmer" userId="69aacf96-e865-454d-9ab1-c0467d7d2298" providerId="ADAL" clId="{00E63604-CC62-4018-ACFB-C9F97E6FEEE8}" dt="2025-08-25T12:09:34.787" v="2506" actId="478"/>
          <ac:picMkLst>
            <pc:docMk/>
            <pc:sldMk cId="2825335288" sldId="290"/>
            <ac:picMk id="9" creationId="{2F4A7D53-B599-09D5-89B7-1300F2EEB3B2}"/>
          </ac:picMkLst>
        </pc:picChg>
        <pc:picChg chg="add mod">
          <ac:chgData name="Luis Elsen-Messmer" userId="69aacf96-e865-454d-9ab1-c0467d7d2298" providerId="ADAL" clId="{00E63604-CC62-4018-ACFB-C9F97E6FEEE8}" dt="2025-09-07T10:03:33.590" v="4991"/>
          <ac:picMkLst>
            <pc:docMk/>
            <pc:sldMk cId="2825335288" sldId="290"/>
            <ac:picMk id="13" creationId="{440DA8F8-ECA6-B65D-7FAD-EB90A4B219A8}"/>
          </ac:picMkLst>
        </pc:picChg>
        <pc:picChg chg="add mod">
          <ac:chgData name="Luis Elsen-Messmer" userId="69aacf96-e865-454d-9ab1-c0467d7d2298" providerId="ADAL" clId="{00E63604-CC62-4018-ACFB-C9F97E6FEEE8}" dt="2025-09-07T10:03:33.640" v="4996"/>
          <ac:picMkLst>
            <pc:docMk/>
            <pc:sldMk cId="2825335288" sldId="290"/>
            <ac:picMk id="14" creationId="{05B522FA-152C-BC97-9E9F-C9DB635D04DE}"/>
          </ac:picMkLst>
        </pc:picChg>
        <pc:picChg chg="add del mod">
          <ac:chgData name="Luis Elsen-Messmer" userId="69aacf96-e865-454d-9ab1-c0467d7d2298" providerId="ADAL" clId="{00E63604-CC62-4018-ACFB-C9F97E6FEEE8}" dt="2025-09-07T09:49:57.116" v="4780"/>
          <ac:picMkLst>
            <pc:docMk/>
            <pc:sldMk cId="2825335288" sldId="290"/>
            <ac:picMk id="25" creationId="{7BB1BE92-B1A3-51E6-6F50-11FB6299809D}"/>
          </ac:picMkLst>
        </pc:picChg>
        <pc:picChg chg="add del mod">
          <ac:chgData name="Luis Elsen-Messmer" userId="69aacf96-e865-454d-9ab1-c0467d7d2298" providerId="ADAL" clId="{00E63604-CC62-4018-ACFB-C9F97E6FEEE8}" dt="2025-09-07T09:49:57.214" v="4787"/>
          <ac:picMkLst>
            <pc:docMk/>
            <pc:sldMk cId="2825335288" sldId="290"/>
            <ac:picMk id="26" creationId="{2AC71818-2AE0-F9D4-81D0-111C58D5E97C}"/>
          </ac:picMkLst>
        </pc:picChg>
        <pc:cxnChg chg="add mod">
          <ac:chgData name="Luis Elsen-Messmer" userId="69aacf96-e865-454d-9ab1-c0467d7d2298" providerId="ADAL" clId="{00E63604-CC62-4018-ACFB-C9F97E6FEEE8}" dt="2025-08-25T14:35:43.338" v="3068" actId="14100"/>
          <ac:cxnSpMkLst>
            <pc:docMk/>
            <pc:sldMk cId="2825335288" sldId="290"/>
            <ac:cxnSpMk id="17" creationId="{07A17805-43C0-07D1-4381-98FA0289001E}"/>
          </ac:cxnSpMkLst>
        </pc:cxnChg>
      </pc:sldChg>
      <pc:sldChg chg="modSp new mod">
        <pc:chgData name="Luis Elsen-Messmer" userId="69aacf96-e865-454d-9ab1-c0467d7d2298" providerId="ADAL" clId="{00E63604-CC62-4018-ACFB-C9F97E6FEEE8}" dt="2025-09-07T09:53:37.448" v="4868" actId="20577"/>
        <pc:sldMkLst>
          <pc:docMk/>
          <pc:sldMk cId="223003402" sldId="291"/>
        </pc:sldMkLst>
        <pc:spChg chg="mod">
          <ac:chgData name="Luis Elsen-Messmer" userId="69aacf96-e865-454d-9ab1-c0467d7d2298" providerId="ADAL" clId="{00E63604-CC62-4018-ACFB-C9F97E6FEEE8}" dt="2025-08-25T12:17:24.827" v="2544" actId="20577"/>
          <ac:spMkLst>
            <pc:docMk/>
            <pc:sldMk cId="223003402" sldId="291"/>
            <ac:spMk id="2" creationId="{E4E02F64-ED73-E73F-352B-B7907415B795}"/>
          </ac:spMkLst>
        </pc:spChg>
        <pc:spChg chg="mod">
          <ac:chgData name="Luis Elsen-Messmer" userId="69aacf96-e865-454d-9ab1-c0467d7d2298" providerId="ADAL" clId="{00E63604-CC62-4018-ACFB-C9F97E6FEEE8}" dt="2025-09-07T09:53:37.448" v="4868" actId="20577"/>
          <ac:spMkLst>
            <pc:docMk/>
            <pc:sldMk cId="223003402" sldId="291"/>
            <ac:spMk id="3" creationId="{8E452845-11A0-AB71-1698-C2FD3ED03A1C}"/>
          </ac:spMkLst>
        </pc:spChg>
      </pc:sldChg>
      <pc:sldChg chg="addSp delSp modSp add mod ord">
        <pc:chgData name="Luis Elsen-Messmer" userId="69aacf96-e865-454d-9ab1-c0467d7d2298" providerId="ADAL" clId="{00E63604-CC62-4018-ACFB-C9F97E6FEEE8}" dt="2025-09-07T10:03:33.889" v="5012" actId="20577"/>
        <pc:sldMkLst>
          <pc:docMk/>
          <pc:sldMk cId="613582964" sldId="292"/>
        </pc:sldMkLst>
        <pc:spChg chg="add del mod">
          <ac:chgData name="Luis Elsen-Messmer" userId="69aacf96-e865-454d-9ab1-c0467d7d2298" providerId="ADAL" clId="{00E63604-CC62-4018-ACFB-C9F97E6FEEE8}" dt="2025-09-07T10:03:33.202" v="4932"/>
          <ac:spMkLst>
            <pc:docMk/>
            <pc:sldMk cId="613582964" sldId="292"/>
            <ac:spMk id="2" creationId="{362FB9D7-E9AE-6698-9E4F-BD1270CC1292}"/>
          </ac:spMkLst>
        </pc:spChg>
        <pc:spChg chg="add del mod">
          <ac:chgData name="Luis Elsen-Messmer" userId="69aacf96-e865-454d-9ab1-c0467d7d2298" providerId="ADAL" clId="{00E63604-CC62-4018-ACFB-C9F97E6FEEE8}" dt="2025-09-07T10:03:33.250" v="4939"/>
          <ac:spMkLst>
            <pc:docMk/>
            <pc:sldMk cId="613582964" sldId="292"/>
            <ac:spMk id="4" creationId="{853365BC-E073-2FB2-D9EE-C96A815C39CC}"/>
          </ac:spMkLst>
        </pc:spChg>
        <pc:spChg chg="add del mod">
          <ac:chgData name="Luis Elsen-Messmer" userId="69aacf96-e865-454d-9ab1-c0467d7d2298" providerId="ADAL" clId="{00E63604-CC62-4018-ACFB-C9F97E6FEEE8}" dt="2025-09-07T10:03:33.286" v="4946"/>
          <ac:spMkLst>
            <pc:docMk/>
            <pc:sldMk cId="613582964" sldId="292"/>
            <ac:spMk id="5" creationId="{A14752DB-4271-8ED5-0DBE-4980B7B32698}"/>
          </ac:spMkLst>
        </pc:spChg>
        <pc:spChg chg="add mod">
          <ac:chgData name="Luis Elsen-Messmer" userId="69aacf96-e865-454d-9ab1-c0467d7d2298" providerId="ADAL" clId="{00E63604-CC62-4018-ACFB-C9F97E6FEEE8}" dt="2025-09-07T10:03:33.889" v="5012" actId="20577"/>
          <ac:spMkLst>
            <pc:docMk/>
            <pc:sldMk cId="613582964" sldId="292"/>
            <ac:spMk id="11" creationId="{0DB45507-B1C3-AD90-58BF-5B9D94A048F9}"/>
          </ac:spMkLst>
        </pc:spChg>
        <pc:spChg chg="add mod">
          <ac:chgData name="Luis Elsen-Messmer" userId="69aacf96-e865-454d-9ab1-c0467d7d2298" providerId="ADAL" clId="{00E63604-CC62-4018-ACFB-C9F97E6FEEE8}" dt="2025-09-07T10:03:33.264" v="4944"/>
          <ac:spMkLst>
            <pc:docMk/>
            <pc:sldMk cId="613582964" sldId="292"/>
            <ac:spMk id="12" creationId="{DAB3A352-6051-C316-5A63-9FD210194520}"/>
          </ac:spMkLst>
        </pc:spChg>
        <pc:spChg chg="add mod">
          <ac:chgData name="Luis Elsen-Messmer" userId="69aacf96-e865-454d-9ab1-c0467d7d2298" providerId="ADAL" clId="{00E63604-CC62-4018-ACFB-C9F97E6FEEE8}" dt="2025-09-07T10:03:33.301" v="4951"/>
          <ac:spMkLst>
            <pc:docMk/>
            <pc:sldMk cId="613582964" sldId="292"/>
            <ac:spMk id="13" creationId="{A5EBDA9B-17B6-A257-5134-054FA34BC036}"/>
          </ac:spMkLst>
        </pc:spChg>
        <pc:spChg chg="mod">
          <ac:chgData name="Luis Elsen-Messmer" userId="69aacf96-e865-454d-9ab1-c0467d7d2298" providerId="ADAL" clId="{00E63604-CC62-4018-ACFB-C9F97E6FEEE8}" dt="2025-08-25T14:36:48.454" v="3098" actId="1076"/>
          <ac:spMkLst>
            <pc:docMk/>
            <pc:sldMk cId="613582964" sldId="292"/>
            <ac:spMk id="19" creationId="{147B42F3-1F2B-FCEB-7716-D93EF7AE4999}"/>
          </ac:spMkLst>
        </pc:spChg>
        <pc:spChg chg="add del mod">
          <ac:chgData name="Luis Elsen-Messmer" userId="69aacf96-e865-454d-9ab1-c0467d7d2298" providerId="ADAL" clId="{00E63604-CC62-4018-ACFB-C9F97E6FEEE8}" dt="2025-09-07T09:49:55.479" v="4724"/>
          <ac:spMkLst>
            <pc:docMk/>
            <pc:sldMk cId="613582964" sldId="292"/>
            <ac:spMk id="23" creationId="{1E8F19B0-1490-155B-D20D-AD3122BC8C21}"/>
          </ac:spMkLst>
        </pc:spChg>
        <pc:spChg chg="add del mod">
          <ac:chgData name="Luis Elsen-Messmer" userId="69aacf96-e865-454d-9ab1-c0467d7d2298" providerId="ADAL" clId="{00E63604-CC62-4018-ACFB-C9F97E6FEEE8}" dt="2025-09-07T09:49:55.982" v="4731"/>
          <ac:spMkLst>
            <pc:docMk/>
            <pc:sldMk cId="613582964" sldId="292"/>
            <ac:spMk id="24" creationId="{E938757D-2FCF-0DED-EC3E-98B92CD54404}"/>
          </ac:spMkLst>
        </pc:spChg>
        <pc:spChg chg="add del mod">
          <ac:chgData name="Luis Elsen-Messmer" userId="69aacf96-e865-454d-9ab1-c0467d7d2298" providerId="ADAL" clId="{00E63604-CC62-4018-ACFB-C9F97E6FEEE8}" dt="2025-09-07T09:49:56.056" v="4738"/>
          <ac:spMkLst>
            <pc:docMk/>
            <pc:sldMk cId="613582964" sldId="292"/>
            <ac:spMk id="25" creationId="{0C6BE5FC-9B3A-2ED0-27EE-97A40EE802DE}"/>
          </ac:spMkLst>
        </pc:spChg>
        <pc:picChg chg="add del mod">
          <ac:chgData name="Luis Elsen-Messmer" userId="69aacf96-e865-454d-9ab1-c0467d7d2298" providerId="ADAL" clId="{00E63604-CC62-4018-ACFB-C9F97E6FEEE8}" dt="2025-09-07T10:03:33.333" v="4953"/>
          <ac:picMkLst>
            <pc:docMk/>
            <pc:sldMk cId="613582964" sldId="292"/>
            <ac:picMk id="8" creationId="{41E3D328-0A28-A298-9493-D5FFF58A6F4F}"/>
          </ac:picMkLst>
        </pc:picChg>
        <pc:picChg chg="mod">
          <ac:chgData name="Luis Elsen-Messmer" userId="69aacf96-e865-454d-9ab1-c0467d7d2298" providerId="ADAL" clId="{00E63604-CC62-4018-ACFB-C9F97E6FEEE8}" dt="2025-08-25T14:36:38.609" v="3095" actId="1076"/>
          <ac:picMkLst>
            <pc:docMk/>
            <pc:sldMk cId="613582964" sldId="292"/>
            <ac:picMk id="9" creationId="{F5FC3C55-0BCA-0649-985F-B29447CA0840}"/>
          </ac:picMkLst>
        </pc:picChg>
        <pc:picChg chg="add del mod">
          <ac:chgData name="Luis Elsen-Messmer" userId="69aacf96-e865-454d-9ab1-c0467d7d2298" providerId="ADAL" clId="{00E63604-CC62-4018-ACFB-C9F97E6FEEE8}" dt="2025-09-07T10:00:00.596" v="4925" actId="478"/>
          <ac:picMkLst>
            <pc:docMk/>
            <pc:sldMk cId="613582964" sldId="292"/>
            <ac:picMk id="10" creationId="{569528AC-F452-C4EF-3624-F2B2B834EC4E}"/>
          </ac:picMkLst>
        </pc:picChg>
        <pc:picChg chg="add mod">
          <ac:chgData name="Luis Elsen-Messmer" userId="69aacf96-e865-454d-9ab1-c0467d7d2298" providerId="ADAL" clId="{00E63604-CC62-4018-ACFB-C9F97E6FEEE8}" dt="2025-09-07T10:03:33.352" v="4958"/>
          <ac:picMkLst>
            <pc:docMk/>
            <pc:sldMk cId="613582964" sldId="292"/>
            <ac:picMk id="14" creationId="{0A9FA315-60D0-9570-9F20-60655509BA21}"/>
          </ac:picMkLst>
        </pc:picChg>
        <pc:picChg chg="add mod">
          <ac:chgData name="Luis Elsen-Messmer" userId="69aacf96-e865-454d-9ab1-c0467d7d2298" providerId="ADAL" clId="{00E63604-CC62-4018-ACFB-C9F97E6FEEE8}" dt="2025-09-07T10:03:33.409" v="4963"/>
          <ac:picMkLst>
            <pc:docMk/>
            <pc:sldMk cId="613582964" sldId="292"/>
            <ac:picMk id="15" creationId="{30B23B23-796A-7D57-7EB8-AD28C62402EA}"/>
          </ac:picMkLst>
        </pc:picChg>
        <pc:picChg chg="add del mod">
          <ac:chgData name="Luis Elsen-Messmer" userId="69aacf96-e865-454d-9ab1-c0467d7d2298" providerId="ADAL" clId="{00E63604-CC62-4018-ACFB-C9F97E6FEEE8}" dt="2025-09-07T09:49:56.152" v="4745"/>
          <ac:picMkLst>
            <pc:docMk/>
            <pc:sldMk cId="613582964" sldId="292"/>
            <ac:picMk id="26" creationId="{6BE81108-E90C-7D97-CCE2-F77E3AC4932A}"/>
          </ac:picMkLst>
        </pc:picChg>
        <pc:picChg chg="add del mod">
          <ac:chgData name="Luis Elsen-Messmer" userId="69aacf96-e865-454d-9ab1-c0467d7d2298" providerId="ADAL" clId="{00E63604-CC62-4018-ACFB-C9F97E6FEEE8}" dt="2025-09-07T09:49:56.318" v="4752"/>
          <ac:picMkLst>
            <pc:docMk/>
            <pc:sldMk cId="613582964" sldId="292"/>
            <ac:picMk id="27" creationId="{07C09E0C-C394-5192-61D3-556EA5E73134}"/>
          </ac:picMkLst>
        </pc:picChg>
        <pc:cxnChg chg="add mod">
          <ac:chgData name="Luis Elsen-Messmer" userId="69aacf96-e865-454d-9ab1-c0467d7d2298" providerId="ADAL" clId="{00E63604-CC62-4018-ACFB-C9F97E6FEEE8}" dt="2025-08-25T14:37:10.243" v="3101" actId="14100"/>
          <ac:cxnSpMkLst>
            <pc:docMk/>
            <pc:sldMk cId="613582964" sldId="292"/>
            <ac:cxnSpMk id="3" creationId="{DACFCF9F-EA5E-5F3E-A758-DC70444CEA1C}"/>
          </ac:cxnSpMkLst>
        </pc:cxnChg>
        <pc:cxnChg chg="mod">
          <ac:chgData name="Luis Elsen-Messmer" userId="69aacf96-e865-454d-9ab1-c0467d7d2298" providerId="ADAL" clId="{00E63604-CC62-4018-ACFB-C9F97E6FEEE8}" dt="2025-08-25T14:36:44.951" v="3097" actId="1076"/>
          <ac:cxnSpMkLst>
            <pc:docMk/>
            <pc:sldMk cId="613582964" sldId="292"/>
            <ac:cxnSpMk id="17" creationId="{35D67B6C-5009-0820-47B9-1352B836E2D9}"/>
          </ac:cxnSpMkLst>
        </pc:cxnChg>
      </pc:sldChg>
      <pc:sldChg chg="new del">
        <pc:chgData name="Luis Elsen-Messmer" userId="69aacf96-e865-454d-9ab1-c0467d7d2298" providerId="ADAL" clId="{00E63604-CC62-4018-ACFB-C9F97E6FEEE8}" dt="2025-08-25T14:33:48.222" v="2997" actId="680"/>
        <pc:sldMkLst>
          <pc:docMk/>
          <pc:sldMk cId="3367102719" sldId="292"/>
        </pc:sldMkLst>
      </pc:sldChg>
      <pc:sldChg chg="addSp delSp modSp new mod ord">
        <pc:chgData name="Luis Elsen-Messmer" userId="69aacf96-e865-454d-9ab1-c0467d7d2298" providerId="ADAL" clId="{00E63604-CC62-4018-ACFB-C9F97E6FEEE8}" dt="2025-08-27T12:06:07.639" v="4316"/>
        <pc:sldMkLst>
          <pc:docMk/>
          <pc:sldMk cId="256731215" sldId="293"/>
        </pc:sldMkLst>
        <pc:spChg chg="add mod">
          <ac:chgData name="Luis Elsen-Messmer" userId="69aacf96-e865-454d-9ab1-c0467d7d2298" providerId="ADAL" clId="{00E63604-CC62-4018-ACFB-C9F97E6FEEE8}" dt="2025-08-25T14:41:42.916" v="3154" actId="20577"/>
          <ac:spMkLst>
            <pc:docMk/>
            <pc:sldMk cId="256731215" sldId="293"/>
            <ac:spMk id="9" creationId="{6BCDC28F-2647-8A03-0BD4-CB7A42FD981C}"/>
          </ac:spMkLst>
        </pc:spChg>
        <pc:picChg chg="add">
          <ac:chgData name="Luis Elsen-Messmer" userId="69aacf96-e865-454d-9ab1-c0467d7d2298" providerId="ADAL" clId="{00E63604-CC62-4018-ACFB-C9F97E6FEEE8}" dt="2025-08-25T14:38:46.939" v="3105" actId="22"/>
          <ac:picMkLst>
            <pc:docMk/>
            <pc:sldMk cId="256731215" sldId="293"/>
            <ac:picMk id="5" creationId="{232987CA-87EA-FE7A-7937-D3F5CFE27F94}"/>
          </ac:picMkLst>
        </pc:picChg>
        <pc:cxnChg chg="add mod">
          <ac:chgData name="Luis Elsen-Messmer" userId="69aacf96-e865-454d-9ab1-c0467d7d2298" providerId="ADAL" clId="{00E63604-CC62-4018-ACFB-C9F97E6FEEE8}" dt="2025-08-25T14:41:17.593" v="3144" actId="14100"/>
          <ac:cxnSpMkLst>
            <pc:docMk/>
            <pc:sldMk cId="256731215" sldId="293"/>
            <ac:cxnSpMk id="7" creationId="{AD42B048-99B3-3EC3-FD9C-862845D63BD7}"/>
          </ac:cxnSpMkLst>
        </pc:cxnChg>
      </pc:sldChg>
      <pc:sldChg chg="modSp new del mod">
        <pc:chgData name="Luis Elsen-Messmer" userId="69aacf96-e865-454d-9ab1-c0467d7d2298" providerId="ADAL" clId="{00E63604-CC62-4018-ACFB-C9F97E6FEEE8}" dt="2025-08-27T11:48:07.733" v="4030" actId="2696"/>
        <pc:sldMkLst>
          <pc:docMk/>
          <pc:sldMk cId="3598184183" sldId="294"/>
        </pc:sldMkLst>
      </pc:sldChg>
      <pc:sldChg chg="new del">
        <pc:chgData name="Luis Elsen-Messmer" userId="69aacf96-e865-454d-9ab1-c0467d7d2298" providerId="ADAL" clId="{00E63604-CC62-4018-ACFB-C9F97E6FEEE8}" dt="2025-08-27T11:10:48.094" v="3369" actId="680"/>
        <pc:sldMkLst>
          <pc:docMk/>
          <pc:sldMk cId="69891839" sldId="295"/>
        </pc:sldMkLst>
      </pc:sldChg>
      <pc:sldChg chg="addSp delSp modSp new mod">
        <pc:chgData name="Luis Elsen-Messmer" userId="69aacf96-e865-454d-9ab1-c0467d7d2298" providerId="ADAL" clId="{00E63604-CC62-4018-ACFB-C9F97E6FEEE8}" dt="2025-08-27T11:59:22.313" v="4291" actId="1076"/>
        <pc:sldMkLst>
          <pc:docMk/>
          <pc:sldMk cId="1296437650" sldId="295"/>
        </pc:sldMkLst>
        <pc:spChg chg="add mod">
          <ac:chgData name="Luis Elsen-Messmer" userId="69aacf96-e865-454d-9ab1-c0467d7d2298" providerId="ADAL" clId="{00E63604-CC62-4018-ACFB-C9F97E6FEEE8}" dt="2025-08-27T11:58:09.456" v="4229" actId="20577"/>
          <ac:spMkLst>
            <pc:docMk/>
            <pc:sldMk cId="1296437650" sldId="295"/>
            <ac:spMk id="11" creationId="{FFF8CB48-D934-89FC-5AA7-FEE5CBE2732E}"/>
          </ac:spMkLst>
        </pc:spChg>
        <pc:spChg chg="add mod">
          <ac:chgData name="Luis Elsen-Messmer" userId="69aacf96-e865-454d-9ab1-c0467d7d2298" providerId="ADAL" clId="{00E63604-CC62-4018-ACFB-C9F97E6FEEE8}" dt="2025-08-27T11:59:22.313" v="4291" actId="1076"/>
          <ac:spMkLst>
            <pc:docMk/>
            <pc:sldMk cId="1296437650" sldId="295"/>
            <ac:spMk id="12" creationId="{7B833F5B-C7FA-9119-16EF-94A6DDB12FEF}"/>
          </ac:spMkLst>
        </pc:spChg>
        <pc:picChg chg="add mod">
          <ac:chgData name="Luis Elsen-Messmer" userId="69aacf96-e865-454d-9ab1-c0467d7d2298" providerId="ADAL" clId="{00E63604-CC62-4018-ACFB-C9F97E6FEEE8}" dt="2025-08-27T11:59:12.254" v="4289" actId="1076"/>
          <ac:picMkLst>
            <pc:docMk/>
            <pc:sldMk cId="1296437650" sldId="295"/>
            <ac:picMk id="5" creationId="{27AD16FF-B7F9-FE0A-9EFC-7B7164135F5B}"/>
          </ac:picMkLst>
        </pc:picChg>
        <pc:cxnChg chg="add mod">
          <ac:chgData name="Luis Elsen-Messmer" userId="69aacf96-e865-454d-9ab1-c0467d7d2298" providerId="ADAL" clId="{00E63604-CC62-4018-ACFB-C9F97E6FEEE8}" dt="2025-08-27T11:20:30.042" v="3380" actId="1076"/>
          <ac:cxnSpMkLst>
            <pc:docMk/>
            <pc:sldMk cId="1296437650" sldId="295"/>
            <ac:cxnSpMk id="7" creationId="{9C01C37A-044A-D05D-3234-E89AFA40908A}"/>
          </ac:cxnSpMkLst>
        </pc:cxnChg>
      </pc:sldChg>
      <pc:sldChg chg="addSp delSp modSp add mod">
        <pc:chgData name="Luis Elsen-Messmer" userId="69aacf96-e865-454d-9ab1-c0467d7d2298" providerId="ADAL" clId="{00E63604-CC62-4018-ACFB-C9F97E6FEEE8}" dt="2025-08-27T11:27:18.400" v="3447" actId="1076"/>
        <pc:sldMkLst>
          <pc:docMk/>
          <pc:sldMk cId="3020162867" sldId="296"/>
        </pc:sldMkLst>
        <pc:spChg chg="add mod">
          <ac:chgData name="Luis Elsen-Messmer" userId="69aacf96-e865-454d-9ab1-c0467d7d2298" providerId="ADAL" clId="{00E63604-CC62-4018-ACFB-C9F97E6FEEE8}" dt="2025-08-27T11:27:18.400" v="3447" actId="1076"/>
          <ac:spMkLst>
            <pc:docMk/>
            <pc:sldMk cId="3020162867" sldId="296"/>
            <ac:spMk id="6" creationId="{65AE6557-DC27-BFDA-1B24-7CB09A6108B7}"/>
          </ac:spMkLst>
        </pc:spChg>
        <pc:cxnChg chg="add mod">
          <ac:chgData name="Luis Elsen-Messmer" userId="69aacf96-e865-454d-9ab1-c0467d7d2298" providerId="ADAL" clId="{00E63604-CC62-4018-ACFB-C9F97E6FEEE8}" dt="2025-08-27T11:22:30.110" v="3408" actId="1076"/>
          <ac:cxnSpMkLst>
            <pc:docMk/>
            <pc:sldMk cId="3020162867" sldId="296"/>
            <ac:cxnSpMk id="2" creationId="{FA4C1FF9-5BCC-53DE-B960-0DAA8206AEC6}"/>
          </ac:cxnSpMkLst>
        </pc:cxnChg>
        <pc:cxnChg chg="add mod">
          <ac:chgData name="Luis Elsen-Messmer" userId="69aacf96-e865-454d-9ab1-c0467d7d2298" providerId="ADAL" clId="{00E63604-CC62-4018-ACFB-C9F97E6FEEE8}" dt="2025-08-27T11:22:36.235" v="3410" actId="1076"/>
          <ac:cxnSpMkLst>
            <pc:docMk/>
            <pc:sldMk cId="3020162867" sldId="296"/>
            <ac:cxnSpMk id="3" creationId="{66FB9E47-2740-2632-1B37-D039E7E5C4F7}"/>
          </ac:cxnSpMkLst>
        </pc:cxnChg>
        <pc:cxnChg chg="add mod">
          <ac:chgData name="Luis Elsen-Messmer" userId="69aacf96-e865-454d-9ab1-c0467d7d2298" providerId="ADAL" clId="{00E63604-CC62-4018-ACFB-C9F97E6FEEE8}" dt="2025-08-27T11:24:07.134" v="3412" actId="1076"/>
          <ac:cxnSpMkLst>
            <pc:docMk/>
            <pc:sldMk cId="3020162867" sldId="296"/>
            <ac:cxnSpMk id="4" creationId="{F5461C28-D2B2-D729-0EC0-C293FC7BB015}"/>
          </ac:cxnSpMkLst>
        </pc:cxnChg>
        <pc:cxnChg chg="mod">
          <ac:chgData name="Luis Elsen-Messmer" userId="69aacf96-e865-454d-9ab1-c0467d7d2298" providerId="ADAL" clId="{00E63604-CC62-4018-ACFB-C9F97E6FEEE8}" dt="2025-08-27T11:22:21.112" v="3406" actId="1076"/>
          <ac:cxnSpMkLst>
            <pc:docMk/>
            <pc:sldMk cId="3020162867" sldId="296"/>
            <ac:cxnSpMk id="7" creationId="{63DECC04-67E5-D2F2-7D21-CD89C33141C8}"/>
          </ac:cxnSpMkLst>
        </pc:cxnChg>
      </pc:sldChg>
      <pc:sldChg chg="add del">
        <pc:chgData name="Luis Elsen-Messmer" userId="69aacf96-e865-454d-9ab1-c0467d7d2298" providerId="ADAL" clId="{00E63604-CC62-4018-ACFB-C9F97E6FEEE8}" dt="2025-08-27T11:27:38.787" v="3449" actId="2890"/>
        <pc:sldMkLst>
          <pc:docMk/>
          <pc:sldMk cId="594856993" sldId="297"/>
        </pc:sldMkLst>
      </pc:sldChg>
      <pc:sldChg chg="addSp delSp modSp add mod ord">
        <pc:chgData name="Luis Elsen-Messmer" userId="69aacf96-e865-454d-9ab1-c0467d7d2298" providerId="ADAL" clId="{00E63604-CC62-4018-ACFB-C9F97E6FEEE8}" dt="2025-08-27T11:46:05.583" v="3960" actId="20577"/>
        <pc:sldMkLst>
          <pc:docMk/>
          <pc:sldMk cId="4023773075" sldId="297"/>
        </pc:sldMkLst>
        <pc:spChg chg="add mod">
          <ac:chgData name="Luis Elsen-Messmer" userId="69aacf96-e865-454d-9ab1-c0467d7d2298" providerId="ADAL" clId="{00E63604-CC62-4018-ACFB-C9F97E6FEEE8}" dt="2025-08-27T11:30:35.283" v="3461" actId="14100"/>
          <ac:spMkLst>
            <pc:docMk/>
            <pc:sldMk cId="4023773075" sldId="297"/>
            <ac:spMk id="2" creationId="{375A1B01-2245-C533-0E56-AFB6BD29D17A}"/>
          </ac:spMkLst>
        </pc:spChg>
        <pc:spChg chg="add mod">
          <ac:chgData name="Luis Elsen-Messmer" userId="69aacf96-e865-454d-9ab1-c0467d7d2298" providerId="ADAL" clId="{00E63604-CC62-4018-ACFB-C9F97E6FEEE8}" dt="2025-08-27T11:46:05.583" v="3960" actId="20577"/>
          <ac:spMkLst>
            <pc:docMk/>
            <pc:sldMk cId="4023773075" sldId="297"/>
            <ac:spMk id="3" creationId="{E2FC119B-BF53-3C4C-A92A-DD5FA82B74B3}"/>
          </ac:spMkLst>
        </pc:spChg>
      </pc:sldChg>
      <pc:sldChg chg="modSp new mod">
        <pc:chgData name="Luis Elsen-Messmer" userId="69aacf96-e865-454d-9ab1-c0467d7d2298" providerId="ADAL" clId="{00E63604-CC62-4018-ACFB-C9F97E6FEEE8}" dt="2025-08-27T11:38:26.815" v="3812" actId="20577"/>
        <pc:sldMkLst>
          <pc:docMk/>
          <pc:sldMk cId="3224340279" sldId="298"/>
        </pc:sldMkLst>
        <pc:spChg chg="mod">
          <ac:chgData name="Luis Elsen-Messmer" userId="69aacf96-e865-454d-9ab1-c0467d7d2298" providerId="ADAL" clId="{00E63604-CC62-4018-ACFB-C9F97E6FEEE8}" dt="2025-08-27T11:35:52.294" v="3604" actId="20577"/>
          <ac:spMkLst>
            <pc:docMk/>
            <pc:sldMk cId="3224340279" sldId="298"/>
            <ac:spMk id="2" creationId="{F1586656-BEB7-7FFA-AEC5-B0BE784B52BC}"/>
          </ac:spMkLst>
        </pc:spChg>
        <pc:spChg chg="mod">
          <ac:chgData name="Luis Elsen-Messmer" userId="69aacf96-e865-454d-9ab1-c0467d7d2298" providerId="ADAL" clId="{00E63604-CC62-4018-ACFB-C9F97E6FEEE8}" dt="2025-08-27T11:38:26.815" v="3812" actId="20577"/>
          <ac:spMkLst>
            <pc:docMk/>
            <pc:sldMk cId="3224340279" sldId="298"/>
            <ac:spMk id="3" creationId="{2012A64D-6CE6-5625-24A9-BAA321EDBCC6}"/>
          </ac:spMkLst>
        </pc:spChg>
      </pc:sldChg>
      <pc:sldChg chg="addSp modSp new mod">
        <pc:chgData name="Luis Elsen-Messmer" userId="69aacf96-e865-454d-9ab1-c0467d7d2298" providerId="ADAL" clId="{00E63604-CC62-4018-ACFB-C9F97E6FEEE8}" dt="2025-08-27T11:43:10.793" v="3932" actId="1076"/>
        <pc:sldMkLst>
          <pc:docMk/>
          <pc:sldMk cId="345786250" sldId="299"/>
        </pc:sldMkLst>
        <pc:spChg chg="add mod">
          <ac:chgData name="Luis Elsen-Messmer" userId="69aacf96-e865-454d-9ab1-c0467d7d2298" providerId="ADAL" clId="{00E63604-CC62-4018-ACFB-C9F97E6FEEE8}" dt="2025-08-27T11:42:15.520" v="3885" actId="1076"/>
          <ac:spMkLst>
            <pc:docMk/>
            <pc:sldMk cId="345786250" sldId="299"/>
            <ac:spMk id="8" creationId="{2F0BF451-BF92-4F1F-8874-262D398427E7}"/>
          </ac:spMkLst>
        </pc:spChg>
        <pc:spChg chg="add mod">
          <ac:chgData name="Luis Elsen-Messmer" userId="69aacf96-e865-454d-9ab1-c0467d7d2298" providerId="ADAL" clId="{00E63604-CC62-4018-ACFB-C9F97E6FEEE8}" dt="2025-08-27T11:43:10.793" v="3932" actId="1076"/>
          <ac:spMkLst>
            <pc:docMk/>
            <pc:sldMk cId="345786250" sldId="299"/>
            <ac:spMk id="12" creationId="{04A04890-7F0A-2847-264C-11DC540DF314}"/>
          </ac:spMkLst>
        </pc:spChg>
        <pc:picChg chg="add mod">
          <ac:chgData name="Luis Elsen-Messmer" userId="69aacf96-e865-454d-9ab1-c0467d7d2298" providerId="ADAL" clId="{00E63604-CC62-4018-ACFB-C9F97E6FEEE8}" dt="2025-08-27T11:42:11.824" v="3884" actId="1076"/>
          <ac:picMkLst>
            <pc:docMk/>
            <pc:sldMk cId="345786250" sldId="299"/>
            <ac:picMk id="3" creationId="{C91B006D-4E6B-17F5-4752-8FEB1478DA7B}"/>
          </ac:picMkLst>
        </pc:picChg>
        <pc:cxnChg chg="add mod">
          <ac:chgData name="Luis Elsen-Messmer" userId="69aacf96-e865-454d-9ab1-c0467d7d2298" providerId="ADAL" clId="{00E63604-CC62-4018-ACFB-C9F97E6FEEE8}" dt="2025-08-27T11:41:38.352" v="3849" actId="14100"/>
          <ac:cxnSpMkLst>
            <pc:docMk/>
            <pc:sldMk cId="345786250" sldId="299"/>
            <ac:cxnSpMk id="5" creationId="{F34BF560-957F-7EC1-39BA-C6062539FE28}"/>
          </ac:cxnSpMkLst>
        </pc:cxnChg>
        <pc:cxnChg chg="add mod">
          <ac:chgData name="Luis Elsen-Messmer" userId="69aacf96-e865-454d-9ab1-c0467d7d2298" providerId="ADAL" clId="{00E63604-CC62-4018-ACFB-C9F97E6FEEE8}" dt="2025-08-27T11:43:07.321" v="3931" actId="1076"/>
          <ac:cxnSpMkLst>
            <pc:docMk/>
            <pc:sldMk cId="345786250" sldId="299"/>
            <ac:cxnSpMk id="9" creationId="{77F9E74B-45A1-03C6-A6A5-D38BBFCCE2C0}"/>
          </ac:cxnSpMkLst>
        </pc:cxnChg>
      </pc:sldChg>
      <pc:sldChg chg="addSp delSp modSp new del mod">
        <pc:chgData name="Luis Elsen-Messmer" userId="69aacf96-e865-454d-9ab1-c0467d7d2298" providerId="ADAL" clId="{00E63604-CC62-4018-ACFB-C9F97E6FEEE8}" dt="2025-08-27T11:41:15.295" v="3843" actId="2696"/>
        <pc:sldMkLst>
          <pc:docMk/>
          <pc:sldMk cId="2526944092" sldId="299"/>
        </pc:sldMkLst>
      </pc:sldChg>
      <pc:sldChg chg="addSp modSp new mod">
        <pc:chgData name="Luis Elsen-Messmer" userId="69aacf96-e865-454d-9ab1-c0467d7d2298" providerId="ADAL" clId="{00E63604-CC62-4018-ACFB-C9F97E6FEEE8}" dt="2025-08-27T11:58:15.051" v="4231" actId="20577"/>
        <pc:sldMkLst>
          <pc:docMk/>
          <pc:sldMk cId="4139908198" sldId="300"/>
        </pc:sldMkLst>
        <pc:spChg chg="add mod">
          <ac:chgData name="Luis Elsen-Messmer" userId="69aacf96-e865-454d-9ab1-c0467d7d2298" providerId="ADAL" clId="{00E63604-CC62-4018-ACFB-C9F97E6FEEE8}" dt="2025-08-27T11:58:15.051" v="4231" actId="20577"/>
          <ac:spMkLst>
            <pc:docMk/>
            <pc:sldMk cId="4139908198" sldId="300"/>
            <ac:spMk id="9" creationId="{1856E90E-19FF-5702-A557-4640ECB39DE0}"/>
          </ac:spMkLst>
        </pc:spChg>
        <pc:picChg chg="add mod">
          <ac:chgData name="Luis Elsen-Messmer" userId="69aacf96-e865-454d-9ab1-c0467d7d2298" providerId="ADAL" clId="{00E63604-CC62-4018-ACFB-C9F97E6FEEE8}" dt="2025-08-27T11:45:37.409" v="3953" actId="1076"/>
          <ac:picMkLst>
            <pc:docMk/>
            <pc:sldMk cId="4139908198" sldId="300"/>
            <ac:picMk id="4" creationId="{0CA68B02-D489-DE95-B6E5-8D69F51DB185}"/>
          </ac:picMkLst>
        </pc:picChg>
        <pc:cxnChg chg="add mod">
          <ac:chgData name="Luis Elsen-Messmer" userId="69aacf96-e865-454d-9ab1-c0467d7d2298" providerId="ADAL" clId="{00E63604-CC62-4018-ACFB-C9F97E6FEEE8}" dt="2025-08-27T11:45:25.504" v="3939" actId="14100"/>
          <ac:cxnSpMkLst>
            <pc:docMk/>
            <pc:sldMk cId="4139908198" sldId="300"/>
            <ac:cxnSpMk id="6" creationId="{A5395BA0-3834-75FD-5DC8-60347A328768}"/>
          </ac:cxnSpMkLst>
        </pc:cxnChg>
      </pc:sldChg>
      <pc:sldChg chg="addSp modSp new mod">
        <pc:chgData name="Luis Elsen-Messmer" userId="69aacf96-e865-454d-9ab1-c0467d7d2298" providerId="ADAL" clId="{00E63604-CC62-4018-ACFB-C9F97E6FEEE8}" dt="2025-08-27T11:47:59.480" v="4029" actId="20577"/>
        <pc:sldMkLst>
          <pc:docMk/>
          <pc:sldMk cId="2126425956" sldId="301"/>
        </pc:sldMkLst>
        <pc:spChg chg="add mod">
          <ac:chgData name="Luis Elsen-Messmer" userId="69aacf96-e865-454d-9ab1-c0467d7d2298" providerId="ADAL" clId="{00E63604-CC62-4018-ACFB-C9F97E6FEEE8}" dt="2025-08-27T11:47:59.480" v="4029" actId="20577"/>
          <ac:spMkLst>
            <pc:docMk/>
            <pc:sldMk cId="2126425956" sldId="301"/>
            <ac:spMk id="6" creationId="{E9772213-EFC6-AEDB-E3E4-4CAF9FB61CD9}"/>
          </ac:spMkLst>
        </pc:spChg>
        <pc:picChg chg="add mod">
          <ac:chgData name="Luis Elsen-Messmer" userId="69aacf96-e865-454d-9ab1-c0467d7d2298" providerId="ADAL" clId="{00E63604-CC62-4018-ACFB-C9F97E6FEEE8}" dt="2025-08-27T11:47:11.839" v="3968" actId="1076"/>
          <ac:picMkLst>
            <pc:docMk/>
            <pc:sldMk cId="2126425956" sldId="301"/>
            <ac:picMk id="3" creationId="{6AB872FE-8DBB-544D-ED75-6929C39E09B8}"/>
          </ac:picMkLst>
        </pc:picChg>
        <pc:cxnChg chg="add mod">
          <ac:chgData name="Luis Elsen-Messmer" userId="69aacf96-e865-454d-9ab1-c0467d7d2298" providerId="ADAL" clId="{00E63604-CC62-4018-ACFB-C9F97E6FEEE8}" dt="2025-08-27T11:47:15.114" v="3969" actId="14100"/>
          <ac:cxnSpMkLst>
            <pc:docMk/>
            <pc:sldMk cId="2126425956" sldId="301"/>
            <ac:cxnSpMk id="4" creationId="{88D6A195-F0B4-35D1-02BB-3C8C2F1CF2B0}"/>
          </ac:cxnSpMkLst>
        </pc:cxnChg>
      </pc:sldChg>
      <pc:sldMasterChg chg="modSp mod modSldLayout">
        <pc:chgData name="Luis Elsen-Messmer" userId="69aacf96-e865-454d-9ab1-c0467d7d2298" providerId="ADAL" clId="{00E63604-CC62-4018-ACFB-C9F97E6FEEE8}" dt="2025-09-07T10:03:33.881" v="5011" actId="20577"/>
        <pc:sldMasterMkLst>
          <pc:docMk/>
          <pc:sldMasterMk cId="2242401632" sldId="2147483648"/>
        </pc:sldMasterMkLst>
        <pc:spChg chg="mod modVis">
          <ac:chgData name="Luis Elsen-Messmer" userId="69aacf96-e865-454d-9ab1-c0467d7d2298" providerId="ADAL" clId="{00E63604-CC62-4018-ACFB-C9F97E6FEEE8}" dt="2025-09-07T10:03:33.752" v="4998"/>
          <ac:spMkLst>
            <pc:docMk/>
            <pc:sldMasterMk cId="2242401632" sldId="2147483648"/>
            <ac:spMk id="8" creationId="{96E06C7F-9F82-898A-6F4F-CAF6B7DED755}"/>
          </ac:spMkLst>
        </pc:spChg>
        <pc:spChg chg="mod modVis">
          <ac:chgData name="Luis Elsen-Messmer" userId="69aacf96-e865-454d-9ab1-c0467d7d2298" providerId="ADAL" clId="{00E63604-CC62-4018-ACFB-C9F97E6FEEE8}" dt="2025-09-07T10:03:33.814" v="5000"/>
          <ac:spMkLst>
            <pc:docMk/>
            <pc:sldMasterMk cId="2242401632" sldId="2147483648"/>
            <ac:spMk id="9" creationId="{7C702C89-CFA4-6C8F-96AF-900A18CAC7E2}"/>
          </ac:spMkLst>
        </pc:spChg>
        <pc:spChg chg="mod modVis">
          <ac:chgData name="Luis Elsen-Messmer" userId="69aacf96-e865-454d-9ab1-c0467d7d2298" providerId="ADAL" clId="{00E63604-CC62-4018-ACFB-C9F97E6FEEE8}" dt="2025-09-07T10:03:33.866" v="5005" actId="20577"/>
          <ac:spMkLst>
            <pc:docMk/>
            <pc:sldMasterMk cId="2242401632" sldId="2147483648"/>
            <ac:spMk id="14" creationId="{D1FCD200-65D5-439C-AECC-B22E31B69313}"/>
          </ac:spMkLst>
        </pc:spChg>
        <pc:picChg chg="mod modVis">
          <ac:chgData name="Luis Elsen-Messmer" userId="69aacf96-e865-454d-9ab1-c0467d7d2298" providerId="ADAL" clId="{00E63604-CC62-4018-ACFB-C9F97E6FEEE8}" dt="2025-09-07T10:03:33.864" v="5004"/>
          <ac:picMkLst>
            <pc:docMk/>
            <pc:sldMasterMk cId="2242401632" sldId="2147483648"/>
            <ac:picMk id="11" creationId="{BB08CBEA-8100-48CC-9FC4-8A66553571A5}"/>
          </ac:picMkLst>
        </pc:picChg>
        <pc:sldLayoutChg chg="modSp mod">
          <pc:chgData name="Luis Elsen-Messmer" userId="69aacf96-e865-454d-9ab1-c0467d7d2298" providerId="ADAL" clId="{00E63604-CC62-4018-ACFB-C9F97E6FEEE8}" dt="2025-09-07T10:03:33.868" v="5006" actId="20577"/>
          <pc:sldLayoutMkLst>
            <pc:docMk/>
            <pc:sldMasterMk cId="2242401632" sldId="2147483648"/>
            <pc:sldLayoutMk cId="3338552180" sldId="2147483649"/>
          </pc:sldLayoutMkLst>
          <pc:spChg chg="mod">
            <ac:chgData name="Luis Elsen-Messmer" userId="69aacf96-e865-454d-9ab1-c0467d7d2298" providerId="ADAL" clId="{00E63604-CC62-4018-ACFB-C9F97E6FEEE8}" dt="2025-09-07T10:03:33.868" v="5006" actId="20577"/>
            <ac:spMkLst>
              <pc:docMk/>
              <pc:sldMasterMk cId="2242401632" sldId="2147483648"/>
              <pc:sldLayoutMk cId="3338552180" sldId="2147483649"/>
              <ac:spMk id="18" creationId="{72AFD311-4076-40D0-970F-D430967AA3D8}"/>
            </ac:spMkLst>
          </pc:spChg>
        </pc:sldLayoutChg>
        <pc:sldLayoutChg chg="modSp mod">
          <pc:chgData name="Luis Elsen-Messmer" userId="69aacf96-e865-454d-9ab1-c0467d7d2298" providerId="ADAL" clId="{00E63604-CC62-4018-ACFB-C9F97E6FEEE8}" dt="2025-09-07T10:03:33.873" v="5008" actId="20577"/>
          <pc:sldLayoutMkLst>
            <pc:docMk/>
            <pc:sldMasterMk cId="2242401632" sldId="2147483648"/>
            <pc:sldLayoutMk cId="2362327277" sldId="2147483696"/>
          </pc:sldLayoutMkLst>
          <pc:spChg chg="mod">
            <ac:chgData name="Luis Elsen-Messmer" userId="69aacf96-e865-454d-9ab1-c0467d7d2298" providerId="ADAL" clId="{00E63604-CC62-4018-ACFB-C9F97E6FEEE8}" dt="2025-09-07T10:03:33.873" v="5008" actId="20577"/>
            <ac:spMkLst>
              <pc:docMk/>
              <pc:sldMasterMk cId="2242401632" sldId="2147483648"/>
              <pc:sldLayoutMk cId="2362327277" sldId="2147483696"/>
              <ac:spMk id="21" creationId="{867EF0E0-86BF-44FA-AC2D-C951CA90505C}"/>
            </ac:spMkLst>
          </pc:spChg>
        </pc:sldLayoutChg>
        <pc:sldLayoutChg chg="modSp mod">
          <pc:chgData name="Luis Elsen-Messmer" userId="69aacf96-e865-454d-9ab1-c0467d7d2298" providerId="ADAL" clId="{00E63604-CC62-4018-ACFB-C9F97E6FEEE8}" dt="2025-09-07T10:03:33.878" v="5010" actId="20577"/>
          <pc:sldLayoutMkLst>
            <pc:docMk/>
            <pc:sldMasterMk cId="2242401632" sldId="2147483648"/>
            <pc:sldLayoutMk cId="2824996737" sldId="2147483697"/>
          </pc:sldLayoutMkLst>
          <pc:spChg chg="mod">
            <ac:chgData name="Luis Elsen-Messmer" userId="69aacf96-e865-454d-9ab1-c0467d7d2298" providerId="ADAL" clId="{00E63604-CC62-4018-ACFB-C9F97E6FEEE8}" dt="2025-09-07T10:03:33.878" v="5010" actId="20577"/>
            <ac:spMkLst>
              <pc:docMk/>
              <pc:sldMasterMk cId="2242401632" sldId="2147483648"/>
              <pc:sldLayoutMk cId="2824996737" sldId="2147483697"/>
              <ac:spMk id="23" creationId="{47C61707-0D77-48A5-9714-CB909585A68D}"/>
            </ac:spMkLst>
          </pc:spChg>
        </pc:sldLayoutChg>
        <pc:sldLayoutChg chg="modSp mod">
          <pc:chgData name="Luis Elsen-Messmer" userId="69aacf96-e865-454d-9ab1-c0467d7d2298" providerId="ADAL" clId="{00E63604-CC62-4018-ACFB-C9F97E6FEEE8}" dt="2025-09-07T10:03:33.870" v="5007" actId="20577"/>
          <pc:sldLayoutMkLst>
            <pc:docMk/>
            <pc:sldMasterMk cId="2242401632" sldId="2147483648"/>
            <pc:sldLayoutMk cId="1630792345" sldId="2147483700"/>
          </pc:sldLayoutMkLst>
          <pc:spChg chg="mod">
            <ac:chgData name="Luis Elsen-Messmer" userId="69aacf96-e865-454d-9ab1-c0467d7d2298" providerId="ADAL" clId="{00E63604-CC62-4018-ACFB-C9F97E6FEEE8}" dt="2025-09-07T10:03:33.870" v="5007" actId="20577"/>
            <ac:spMkLst>
              <pc:docMk/>
              <pc:sldMasterMk cId="2242401632" sldId="2147483648"/>
              <pc:sldLayoutMk cId="1630792345" sldId="2147483700"/>
              <ac:spMk id="19" creationId="{B0D0F57F-14FF-4552-BF2B-6E2C9856C84B}"/>
            </ac:spMkLst>
          </pc:spChg>
        </pc:sldLayoutChg>
        <pc:sldLayoutChg chg="modSp mod">
          <pc:chgData name="Luis Elsen-Messmer" userId="69aacf96-e865-454d-9ab1-c0467d7d2298" providerId="ADAL" clId="{00E63604-CC62-4018-ACFB-C9F97E6FEEE8}" dt="2025-09-07T10:03:33.876" v="5009" actId="20577"/>
          <pc:sldLayoutMkLst>
            <pc:docMk/>
            <pc:sldMasterMk cId="2242401632" sldId="2147483648"/>
            <pc:sldLayoutMk cId="301784237" sldId="2147483703"/>
          </pc:sldLayoutMkLst>
          <pc:spChg chg="mod">
            <ac:chgData name="Luis Elsen-Messmer" userId="69aacf96-e865-454d-9ab1-c0467d7d2298" providerId="ADAL" clId="{00E63604-CC62-4018-ACFB-C9F97E6FEEE8}" dt="2025-09-07T10:03:33.876" v="5009" actId="20577"/>
            <ac:spMkLst>
              <pc:docMk/>
              <pc:sldMasterMk cId="2242401632" sldId="2147483648"/>
              <pc:sldLayoutMk cId="301784237" sldId="2147483703"/>
              <ac:spMk id="19" creationId="{44496121-D0E1-4C2C-869C-41036E3F6F78}"/>
            </ac:spMkLst>
          </pc:spChg>
        </pc:sldLayoutChg>
        <pc:sldLayoutChg chg="modSp mod">
          <pc:chgData name="Luis Elsen-Messmer" userId="69aacf96-e865-454d-9ab1-c0467d7d2298" providerId="ADAL" clId="{00E63604-CC62-4018-ACFB-C9F97E6FEEE8}" dt="2025-09-07T10:03:33.881" v="5011" actId="20577"/>
          <pc:sldLayoutMkLst>
            <pc:docMk/>
            <pc:sldMasterMk cId="2242401632" sldId="2147483648"/>
            <pc:sldLayoutMk cId="737767433" sldId="2147483704"/>
          </pc:sldLayoutMkLst>
          <pc:spChg chg="mod">
            <ac:chgData name="Luis Elsen-Messmer" userId="69aacf96-e865-454d-9ab1-c0467d7d2298" providerId="ADAL" clId="{00E63604-CC62-4018-ACFB-C9F97E6FEEE8}" dt="2025-09-07T10:03:33.881" v="5011" actId="20577"/>
            <ac:spMkLst>
              <pc:docMk/>
              <pc:sldMasterMk cId="2242401632" sldId="2147483648"/>
              <pc:sldLayoutMk cId="737767433" sldId="2147483704"/>
              <ac:spMk id="21" creationId="{72C259B8-2007-488D-8494-693ADFA23A83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9/7/2025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Nr.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9/7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7" Type="http://schemas.openxmlformats.org/officeDocument/2006/relationships/image" Target="../media/image8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7" Type="http://schemas.openxmlformats.org/officeDocument/2006/relationships/image" Target="../media/image4.emf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svg"/><Relationship Id="rId5" Type="http://schemas.openxmlformats.org/officeDocument/2006/relationships/image" Target="../media/image10.png"/><Relationship Id="rId4" Type="http://schemas.openxmlformats.org/officeDocument/2006/relationships/image" Target="../media/image6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3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5.svg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emf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6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7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image" Target="../media/image18.png"/><Relationship Id="rId7" Type="http://schemas.openxmlformats.org/officeDocument/2006/relationships/image" Target="../media/image22.png"/><Relationship Id="rId12" Type="http://schemas.openxmlformats.org/officeDocument/2006/relationships/image" Target="../media/image27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1.png"/><Relationship Id="rId11" Type="http://schemas.openxmlformats.org/officeDocument/2006/relationships/image" Target="../media/image26.png"/><Relationship Id="rId5" Type="http://schemas.openxmlformats.org/officeDocument/2006/relationships/image" Target="../media/image20.png"/><Relationship Id="rId10" Type="http://schemas.openxmlformats.org/officeDocument/2006/relationships/image" Target="../media/image25.png"/><Relationship Id="rId4" Type="http://schemas.openxmlformats.org/officeDocument/2006/relationships/image" Target="../media/image19.png"/><Relationship Id="rId9" Type="http://schemas.openxmlformats.org/officeDocument/2006/relationships/image" Target="../media/image24.png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3B25342-E713-0247-2E3D-6C43E595B6A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4261104"/>
            <a:ext cx="12192000" cy="2596896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bg1"/>
              </a:solidFill>
            </a:endParaRPr>
          </a:p>
        </p:txBody>
      </p:sp>
      <p:pic>
        <p:nvPicPr>
          <p:cNvPr id="50414263" name="Classification" descr="{&quot;templafy&quot;:{&quot;id&quot;:&quot;6c041c66-7d6f-4890-81c0-4e38af12342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7" name="Logo">
            <a:extLst>
              <a:ext uri="{FF2B5EF4-FFF2-40B4-BE49-F238E27FC236}">
                <a16:creationId xmlns:a16="http://schemas.microsoft.com/office/drawing/2014/main" id="{5212E275-7406-B8D1-A3C9-6100BA58165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9" name="Tag line">
            <a:extLst>
              <a:ext uri="{FF2B5EF4-FFF2-40B4-BE49-F238E27FC236}">
                <a16:creationId xmlns:a16="http://schemas.microsoft.com/office/drawing/2014/main" id="{957191C3-087F-C04A-0DEB-B043188A2D13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20" name="Title 1">
            <a:extLst>
              <a:ext uri="{FF2B5EF4-FFF2-40B4-BE49-F238E27FC236}">
                <a16:creationId xmlns:a16="http://schemas.microsoft.com/office/drawing/2014/main" id="{1D4B8532-33AB-815E-60F0-4048F3950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49734"/>
          </a:xfrm>
        </p:spPr>
        <p:txBody>
          <a:bodyPr anchor="t"/>
          <a:lstStyle>
            <a:lvl1pPr>
              <a:defRPr sz="44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4A9EAF23-A18E-5305-C224-E60978BAA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2" name="Text Placeholder 3">
            <a:extLst>
              <a:ext uri="{FF2B5EF4-FFF2-40B4-BE49-F238E27FC236}">
                <a16:creationId xmlns:a16="http://schemas.microsoft.com/office/drawing/2014/main" id="{FF1B3666-7D82-4C1B-225F-70F5B52B18C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B0FE8A97-11DB-C7EF-2E09-C6F5E1633F3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F1C8B5C-2BF4-6B72-623D-D14711843D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D5F78710-5E2C-BCFC-D2F1-6DF70214B6D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565850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BF9B62AB-E854-71C6-C5A9-A27533FD8D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BF06A84B-7C22-8EF6-F38C-3C8D01CE323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185327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B3A0906-D146-BDC5-89B6-88508FC8D3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4E86F98-FCAD-1DE9-7F95-EC4306D059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9813996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9B4A4D-1354-8C4B-6BBC-1A0D0A6042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996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37DDAB-FDB1-0870-8E88-BD41926CE6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7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993670-14A9-0A35-D2EB-D8230A73A15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D993D9-3FD1-276A-24E9-827A98823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2B506773-0860-DE49-4BCC-8C4BB064721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9AA1B98B-00B9-1C2F-0ACD-646A350F868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5E5A046C-2F74-6EED-D763-FB4F9E3C1E6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029E88C-D487-6109-BE97-8E404D9E47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543002A-12FE-3269-8E83-DD69A9972C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656888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53D5360-8363-8ED8-05E8-12473FE7A3C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pic>
        <p:nvPicPr>
          <p:cNvPr id="7" name="Logo">
            <a:extLst>
              <a:ext uri="{FF2B5EF4-FFF2-40B4-BE49-F238E27FC236}">
                <a16:creationId xmlns:a16="http://schemas.microsoft.com/office/drawing/2014/main" id="{0027E721-31E7-996C-F978-886B4B709D6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8" name="Tag line">
            <a:extLst>
              <a:ext uri="{FF2B5EF4-FFF2-40B4-BE49-F238E27FC236}">
                <a16:creationId xmlns:a16="http://schemas.microsoft.com/office/drawing/2014/main" id="{21F201A0-96B6-099C-6016-FCAFD5EED39C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7446358" name="Classification" descr="{&quot;templafy&quot;:{&quot;id&quot;:&quot;dae0bc77-7877-4f2d-9ce4-03220c72f4c7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BE9196FA-4AF2-902A-F9E6-9A8F8415A8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50000"/>
          </a:xfrm>
        </p:spPr>
        <p:txBody>
          <a:bodyPr anchor="t"/>
          <a:lstStyle>
            <a:lvl1pPr>
              <a:defRPr sz="44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F231D8D-58FA-38D6-FE7A-AC0DB206A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1C46D0ED-54C5-7C53-5626-D26488E61F1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754120-D971-3AE6-6184-628DB4A4CC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7540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BA6DF-295B-14B9-E598-D783D2FDD9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76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EB5EAF-AC8A-3E99-A635-DD95C6E7503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DCAB48-A3C0-27C0-2979-71DFA66ED3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DAAEA1C8-F527-5F56-6EA0-FE61BD8161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50750D05-724E-4685-1127-ED2D71D3660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6777FA2A-A376-8418-9C6E-5B73CDF0468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D90514E6-1C08-3FA0-001E-15C4C5E61C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A62750D-C328-22C2-EE8C-68F88FCF83A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20075507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7E737-3D4F-5001-BE47-2E5EE1893A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948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FBBFBE-6C8C-3F82-2098-7B9EB184A6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68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EAE9F0A-BE3C-4FC1-7380-C833A79368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058BC2-8858-4D7B-4055-E3D5179F32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49C02E9-0CB5-9793-D210-245428FE3CD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BA71D45E-2E45-D97E-27A8-AB1B39830D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BB70E94D-1F79-0E6A-FB1A-B1CEBC50C943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4EDC01B-D6CD-CDE1-0DFF-5223EED957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9A36F85-2F69-5B91-5518-1F0F9885380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BE9534-FB13-A9AE-FE58-9C4A964A65F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188091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2C398B-D021-7FA7-9C63-8A20EEFB2B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1165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8D6622-0569-1373-8513-A84EE6BD9A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0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890ED-22EA-F340-5D69-C4482F8F5A7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39646E-C2FB-1D0B-85AB-E420ACDD55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A2FAFDC-E066-B77E-12C1-F5C9CB38605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DD8565C4-8F2E-0139-9897-109BEE274160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705BDDFA-0DC1-F1AB-FDCC-0D5F3506297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F491B36-CB8B-04C1-6BE0-F0784E027C8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8EC902F4-236E-9EB9-D886-80FFA518400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9533D15F-82ED-36DB-9A8B-4919A07A7BF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6C5DBD-3D8A-1946-1744-DC8042EC861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836815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928276529" name="Classification" descr="{&quot;templafy&quot;:{&quot;id&quot;:&quot;56c66ede-06b3-4621-8497-de452f5b07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September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6205538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65362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65951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965362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6965362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6681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 (dark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1385798330" name="Classification" descr="{&quot;templafy&quot;:{&quot;id&quot;:&quot;5a163b1e-2162-45fe-8f68-c4d452d288f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F2BFD6D9-7CC9-04DE-B96D-15D2BDDBCA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0146E08-A8C9-A8CF-28EC-AA03887F0FC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5B166A2-5329-1315-4496-5FE31CD1E69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BD510BD-93B4-BDDF-0E84-0627027FE18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4246563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0150" y="691200"/>
            <a:ext cx="685165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10975" y="1057498"/>
            <a:ext cx="685082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010150" y="1929600"/>
            <a:ext cx="6851650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501015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6947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BFAC61-1279-7B60-CECC-86A719FA5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ECBC9-7903-0325-4714-B64BC595A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448B956-DC0E-0B78-5410-11E0E2F220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618CCB-2103-080F-B675-E4C472681C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F52BB6-D70A-2B2C-B861-43846E0384C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22007A1-F280-15BD-766A-2A8B68C6C1A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CB15DC7C-95AF-DF77-404F-4AAA9568B80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4679F60-C64F-3014-8490-313B90245B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00E1C5C4-2E56-4FDF-430C-4D4CD25E1AC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996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93467-31B0-B26B-0A69-CEE1BBF92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C68DB0D-B0C8-A70B-9EA0-CF87F7D006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DF54DE3-2E20-4DE8-B5E1-349CFC50CC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C146C5-EFC9-3F84-BAA9-A0D23F6E67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992CDA1E-EA55-E4C2-CB79-AD61C1E3602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F169E811-1A99-80DE-40CA-0E49ABE034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16F5BAA-6C08-E976-9914-2635E3C044BF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AA22A5E-5748-150B-DB95-169F64379E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35323466-C553-6238-DD1B-476EDA1F5D7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22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AC835-87D6-25C6-1C0C-B16378EA1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0FB9F6-057D-DEAE-3326-D871FC4C73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13111F-1867-8F94-C54C-C14750D902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82FC2B-518F-F076-7481-C19EFDFB1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7C1678-5BCA-4DC1-8A51-3AEFECC5B0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7A71E51-260F-C225-0141-1C78748CA3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5B4FFFA6-62DB-C634-46E8-2BBE78F1FE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9B2024F1-6D5D-1D1C-1DDB-77BCBA748A23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10259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7B29AAA6-A1F6-490A-1EFC-6B447EB1762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32CCBB1-04BD-FE31-F06D-102B92D55F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86D38F8-004F-7DCE-C310-B4E7FCA060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AE2F316-0016-9697-4E87-5EDF2C8F03B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4BA63496-C2A8-94B3-DF70-7124A3FF500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2" name="Tag line">
            <a:extLst>
              <a:ext uri="{FF2B5EF4-FFF2-40B4-BE49-F238E27FC236}">
                <a16:creationId xmlns:a16="http://schemas.microsoft.com/office/drawing/2014/main" id="{F7F21CC0-8031-7C43-8705-86240000D027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259090726" name="Classification" descr="{&quot;templafy&quot;:{&quot;id&quot;:&quot;156d795f-ba71-4204-ab71-2568300fcb7e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39901-3878-567C-6F7B-62F568F5E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465E89-325E-25CE-C35D-AD7B0E2BA75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7C8C55-BF0B-AB3A-01C9-D37FA0AC0D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C8C4A6-E706-08CD-E591-31C776881C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C3656E4-F3AA-6EE7-E3C0-CE78B0D5C66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9E0BF222-DE36-6B8E-3ADD-DE5450E802B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6090B701-78C3-C044-E7EC-1B49E3C301E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69BCFFDA-C3AF-2E7B-90ED-9900D4167C3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53B80110-9520-18FD-D36C-C9B976C745B5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8840A287-AA7C-1164-424E-57005EFA7C0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35AC138-46EC-3DA3-0F28-7B8889071F0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581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17E946-8B12-F6C2-90DD-0AEB05863D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3F8FD4-F79F-BBCE-CDA8-C0C6B8FBE1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06FA28-409D-CEEB-7D91-FE5023B00E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D96B3-34E7-65FF-456D-F32ACD9B16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851678F-D8EB-2069-FF1C-22C7776FEE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18DF5F0-616C-E1B2-F94F-A3892597809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E7CDFFF-4EB0-0A69-7997-7829DEA74BA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D38B606-5A94-1DF8-F564-D4E7BF675A2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92CFE117-420C-7B9E-ED0C-7CB8F24829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C2C40EB7-4527-3CFA-2B47-3BD797257D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1BA7AFC-A49F-988B-82B3-3E768ED02F6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1725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F291C9-4F13-1C53-0D29-8B4F95EDF8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0F5A4D-86A4-3B8B-569A-BCFEABBBD5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4DC91-C253-039A-84E0-3DF9179026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4ECE1D-AD44-4D18-1B8E-9B3643EE0A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61CBEA37-4E6C-886E-5284-5170A3A140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81BE5845-D81D-D5A2-A0EC-9224C116F9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6E0DDC-217A-6FF3-673A-BC0CBA8574F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0E6E7E98-2D75-359B-6735-0541241142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685FBAA7-7315-D4AF-B4A4-84A3EA1B568A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2482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6CA75-11C8-11F4-38F3-2C08D8F37B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BCDB1A9-1F11-3834-3CC5-115B9C807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FD58C4-DCD9-0E66-56A1-CE6ED3EA64C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A99120-C446-1A6A-CBBD-494AB01039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5108448B-C67F-F2DF-30B4-B614122A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71C9BBEE-C553-7B7B-8BCE-CE52618EAF0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A2C65CF7-B7D3-2FC8-2500-FC061D5127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32003C22-01A2-AB04-5FD8-C5EC97EE35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5359350-17C7-BFC0-8597-500F5190AEE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5994943-1F91-799B-85DE-A327AF72E39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68FD9CCE-E850-F96A-DF0A-E3B3E6489BC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C433D109-B376-AD18-00A5-771EE1A4FE29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FAE2697-9921-CE23-3B66-375A974D4E68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1636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6B2EA-4B3F-F123-A5EA-87BE556C1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094FE1-D6F0-664C-1D81-7E6AE61562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4F52C3-F04E-0FA2-F081-B85C7B5FD6A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87B60B-6009-E3A0-F457-0952015A79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795F8BFE-B93A-7D96-5C59-3238335009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5AC289A9-61FF-919C-A713-D96BEEF20F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8703759B-37D5-9836-B8D4-7FAF1C471801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419DF3DA-499C-CD92-64F9-D0F143511B8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3DA574A4-7D8E-8CD5-863A-D1DD360E2A2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6D82625-D560-1802-3C1E-8DAFEA0ACC6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64D5035-9BCE-CFCE-AD2E-00B8AA8ACAA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21761756-C013-C4EE-F768-37ECCBD621F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5BFCC3D5-8804-66D5-4DB5-132AD07EBE7E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5104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9158D2-BF02-6D8B-2657-4F55E807A0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6BEC0D6-C6CD-BB72-C1C4-E1ADE6242C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7CBE13-14D5-CB74-CC1E-C80A25B02F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74D404-DD89-52F0-D4F0-7F32CBF141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C8615787-F3A0-0D1E-1BE7-5F204902FB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E5107EE-359F-C30C-11D7-75EB465A994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F7498406-CA9D-4715-8256-91CC499394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57DC084-6F55-89FB-825F-1C007616A4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A655AB4A-A301-3405-82C2-A760925DD14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50C040CA-2BE0-9525-9398-7E45552B40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6010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724739906" name="Classification" descr="{&quot;templafy&quot;:{&quot;id&quot;:&quot;5b8c6903-56f4-4f98-accb-e27cc70701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E830A1BB-93D2-83E6-5E0F-A2EB11913C1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510514A-B508-6FBD-95BC-27F50F5F7C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18287956-228E-9217-B1A8-22A42BB962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13D1C327-FC2E-1D32-7B54-A5257759E04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EB06A3-B60B-5E8B-65ED-9B854D9774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5" name="Tag line">
            <a:extLst>
              <a:ext uri="{FF2B5EF4-FFF2-40B4-BE49-F238E27FC236}">
                <a16:creationId xmlns:a16="http://schemas.microsoft.com/office/drawing/2014/main" id="{AA4179DF-8B56-C9BC-1094-3EFFC44DA825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004C4D90-813B-7EA2-63F0-A808049E0C05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6FCFEBF6-8F43-D15A-C8AE-9705235623A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 bwMode="gray">
          <a:xfrm>
            <a:off x="331200" y="513212"/>
            <a:ext cx="304800" cy="37186"/>
          </a:xfrm>
          <a:custGeom>
            <a:avLst/>
            <a:gdLst>
              <a:gd name="connsiteX0" fmla="*/ 0 w 304800"/>
              <a:gd name="connsiteY0" fmla="*/ 0 h 37186"/>
              <a:gd name="connsiteX1" fmla="*/ 304800 w 304800"/>
              <a:gd name="connsiteY1" fmla="*/ 0 h 37186"/>
              <a:gd name="connsiteX2" fmla="*/ 304800 w 304800"/>
              <a:gd name="connsiteY2" fmla="*/ 37186 h 37186"/>
              <a:gd name="connsiteX3" fmla="*/ 0 w 304800"/>
              <a:gd name="connsiteY3" fmla="*/ 37186 h 371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4800" h="37186">
                <a:moveTo>
                  <a:pt x="0" y="0"/>
                </a:moveTo>
                <a:lnTo>
                  <a:pt x="304800" y="0"/>
                </a:lnTo>
                <a:lnTo>
                  <a:pt x="304800" y="37186"/>
                </a:lnTo>
                <a:lnTo>
                  <a:pt x="0" y="37186"/>
                </a:lnTo>
                <a:close/>
              </a:path>
            </a:pathLst>
          </a:custGeom>
          <a:solidFill>
            <a:schemeClr val="bg2"/>
          </a:solidFill>
          <a:ln w="6350">
            <a:noFill/>
            <a:miter lim="800000"/>
          </a:ln>
        </p:spPr>
        <p:txBody>
          <a:bodyPr wrap="square" lIns="0" tIns="0" rIns="0" bIns="0">
            <a:noAutofit/>
          </a:bodyPr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91410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EAA09D2E-D7D5-FBB9-4B87-CC6CD2E49D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60E2C2D2-B7EB-2053-0B06-8BC75B8E412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5F8B3F-EE2C-9020-E1E7-B0365650AB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2946400"/>
            <a:ext cx="8594771" cy="2246999"/>
          </a:xfrm>
        </p:spPr>
        <p:txBody>
          <a:bodyPr anchor="b"/>
          <a:lstStyle>
            <a:lvl1pPr>
              <a:defRPr sz="6000" b="0" cap="all" baseline="0">
                <a:latin typeface="ABBvoice Display SemiBold" panose="020D0704020603060204" pitchFamily="34" charset="0"/>
                <a:cs typeface="ABBvoice Display Beta SemiBold" panose="020D0704020603060204" pitchFamily="34" charset="0"/>
              </a:defRPr>
            </a:lvl1pPr>
          </a:lstStyle>
          <a:p>
            <a:r>
              <a:rPr lang="en-US" dirty="0"/>
              <a:t>Big caption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4273CE9-8AEE-AD06-CBD8-70F010A7D6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BC6633-994B-77A9-AC8E-3EB4747035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2888C2-6D99-9F06-53FC-4B7B33F4CF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20519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 cap="all" baseline="0">
                <a:latin typeface="ABBvoice Display SemiBold" panose="020D0704020603060204" pitchFamily="34" charset="0"/>
                <a:ea typeface="ABBvoice Light" panose="020D0403020503020204" pitchFamily="34" charset="0"/>
                <a:cs typeface="ABBvoice Display Beta SemiBold" panose="020D070402060306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5AEB427-FB8B-FC30-58E4-396214CEB71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78DE0D1-FC76-CA62-6E66-A111968AA3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9" name="Text Placeholder 10">
            <a:extLst>
              <a:ext uri="{FF2B5EF4-FFF2-40B4-BE49-F238E27FC236}">
                <a16:creationId xmlns:a16="http://schemas.microsoft.com/office/drawing/2014/main" id="{EE832AA2-03A2-E191-75A1-F8C19050D47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3E5CE7EF-73C3-CAE2-B471-EE2DA64E7F4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Tag line">
            <a:extLst>
              <a:ext uri="{FF2B5EF4-FFF2-40B4-BE49-F238E27FC236}">
                <a16:creationId xmlns:a16="http://schemas.microsoft.com/office/drawing/2014/main" id="{6B3816BE-27EB-D6FA-366D-A467FA34B9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B04CEB8C-9FB2-7FEF-DEA7-50BB992EC21A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9ADE4CC-155D-8DBE-55E3-24F0D81916F0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694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747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slideLayout" Target="../slideLayouts/slideLayout66.xml"/><Relationship Id="rId74" Type="http://schemas.openxmlformats.org/officeDocument/2006/relationships/slideLayout" Target="../slideLayouts/slideLayout74.xml"/><Relationship Id="rId79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80" Type="http://schemas.openxmlformats.org/officeDocument/2006/relationships/image" Target="../media/image2.svg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79">
            <a:extLst>
              <a:ext uri="{96DAC541-7B7A-43D3-8B79-37D633B846F1}">
                <asvg:svgBlip xmlns:asvg="http://schemas.microsoft.com/office/drawing/2016/SVG/main" r:embed="rId8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2ff4d1cf-10d5-4908-9636-79812843b106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Nr.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711" r:id="rId8"/>
    <p:sldLayoutId id="2147483712" r:id="rId9"/>
    <p:sldLayoutId id="2147483713" r:id="rId10"/>
    <p:sldLayoutId id="2147483714" r:id="rId11"/>
    <p:sldLayoutId id="2147483715" r:id="rId12"/>
    <p:sldLayoutId id="2147483654" r:id="rId13"/>
    <p:sldLayoutId id="2147483698" r:id="rId14"/>
    <p:sldLayoutId id="2147483655" r:id="rId15"/>
    <p:sldLayoutId id="2147483705" r:id="rId16"/>
    <p:sldLayoutId id="2147483716" r:id="rId17"/>
    <p:sldLayoutId id="2147483656" r:id="rId18"/>
    <p:sldLayoutId id="2147483706" r:id="rId19"/>
    <p:sldLayoutId id="2147483717" r:id="rId20"/>
    <p:sldLayoutId id="2147483657" r:id="rId21"/>
    <p:sldLayoutId id="2147483707" r:id="rId22"/>
    <p:sldLayoutId id="2147483718" r:id="rId23"/>
    <p:sldLayoutId id="2147483658" r:id="rId24"/>
    <p:sldLayoutId id="2147483708" r:id="rId25"/>
    <p:sldLayoutId id="2147483661" r:id="rId26"/>
    <p:sldLayoutId id="2147483662" r:id="rId27"/>
    <p:sldLayoutId id="2147483719" r:id="rId28"/>
    <p:sldLayoutId id="2147483659" r:id="rId29"/>
    <p:sldLayoutId id="2147483660" r:id="rId30"/>
    <p:sldLayoutId id="2147483663" r:id="rId31"/>
    <p:sldLayoutId id="2147483664" r:id="rId32"/>
    <p:sldLayoutId id="2147483665" r:id="rId33"/>
    <p:sldLayoutId id="2147483666" r:id="rId34"/>
    <p:sldLayoutId id="2147483668" r:id="rId35"/>
    <p:sldLayoutId id="2147483670" r:id="rId36"/>
    <p:sldLayoutId id="2147483671" r:id="rId37"/>
    <p:sldLayoutId id="2147483669" r:id="rId38"/>
    <p:sldLayoutId id="2147483731" r:id="rId39"/>
    <p:sldLayoutId id="2147483732" r:id="rId40"/>
    <p:sldLayoutId id="2147483672" r:id="rId41"/>
    <p:sldLayoutId id="2147483673" r:id="rId42"/>
    <p:sldLayoutId id="2147483694" r:id="rId43"/>
    <p:sldLayoutId id="2147483674" r:id="rId44"/>
    <p:sldLayoutId id="2147483675" r:id="rId45"/>
    <p:sldLayoutId id="2147483720" r:id="rId46"/>
    <p:sldLayoutId id="2147483721" r:id="rId47"/>
    <p:sldLayoutId id="2147483722" r:id="rId48"/>
    <p:sldLayoutId id="2147483676" r:id="rId49"/>
    <p:sldLayoutId id="2147483723" r:id="rId50"/>
    <p:sldLayoutId id="2147483724" r:id="rId51"/>
    <p:sldLayoutId id="2147483725" r:id="rId52"/>
    <p:sldLayoutId id="2147483677" r:id="rId53"/>
    <p:sldLayoutId id="2147483726" r:id="rId54"/>
    <p:sldLayoutId id="2147483727" r:id="rId55"/>
    <p:sldLayoutId id="2147483728" r:id="rId56"/>
    <p:sldLayoutId id="2147483678" r:id="rId57"/>
    <p:sldLayoutId id="2147483679" r:id="rId58"/>
    <p:sldLayoutId id="2147483680" r:id="rId59"/>
    <p:sldLayoutId id="2147483730" r:id="rId60"/>
    <p:sldLayoutId id="2147483729" r:id="rId61"/>
    <p:sldLayoutId id="2147483682" r:id="rId62"/>
    <p:sldLayoutId id="2147483683" r:id="rId63"/>
    <p:sldLayoutId id="2147483684" r:id="rId64"/>
    <p:sldLayoutId id="2147483685" r:id="rId65"/>
    <p:sldLayoutId id="2147483686" r:id="rId66"/>
    <p:sldLayoutId id="2147483687" r:id="rId67"/>
    <p:sldLayoutId id="2147483667" r:id="rId68"/>
    <p:sldLayoutId id="2147483688" r:id="rId69"/>
    <p:sldLayoutId id="2147483689" r:id="rId70"/>
    <p:sldLayoutId id="2147483690" r:id="rId71"/>
    <p:sldLayoutId id="2147483691" r:id="rId72"/>
    <p:sldLayoutId id="2147483692" r:id="rId73"/>
    <p:sldLayoutId id="2147483699" r:id="rId74"/>
    <p:sldLayoutId id="2147483693" r:id="rId75"/>
    <p:sldLayoutId id="2147483709" r:id="rId76"/>
    <p:sldLayoutId id="2147483710" r:id="rId7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7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7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7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74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74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7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74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74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74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4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3.svg"/><Relationship Id="rId4" Type="http://schemas.openxmlformats.org/officeDocument/2006/relationships/image" Target="../media/image12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3.svg"/><Relationship Id="rId4" Type="http://schemas.openxmlformats.org/officeDocument/2006/relationships/image" Target="../media/image12.png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74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5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6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28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049149-61F6-9C37-42FA-274C5D2E9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stallation 1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537B66A-F008-613D-6332-F7721ED44E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C07286A-A92A-922C-B2C4-18D4EBF836C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1586656-BEB7-7FFA-AEC5-B0BE784B52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S-Code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012A64D-6CE6-5625-24A9-BAA321EDBCC6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IDE (Integrated </a:t>
            </a:r>
            <a:r>
              <a:rPr lang="de-DE" dirty="0" err="1"/>
              <a:t>Developement</a:t>
            </a:r>
            <a:r>
              <a:rPr lang="de-DE" dirty="0"/>
              <a:t> </a:t>
            </a:r>
            <a:r>
              <a:rPr lang="de-DE" dirty="0" err="1"/>
              <a:t>enviroment</a:t>
            </a:r>
            <a:r>
              <a:rPr lang="de-DE" dirty="0"/>
              <a:t>)</a:t>
            </a:r>
          </a:p>
          <a:p>
            <a:r>
              <a:rPr lang="de-DE" dirty="0"/>
              <a:t>In dieser Anwendung programmieren wir</a:t>
            </a:r>
          </a:p>
          <a:p>
            <a:r>
              <a:rPr lang="de-DE" dirty="0"/>
              <a:t>Wir müssen VS-Code installieren und in VS-Code </a:t>
            </a:r>
            <a:r>
              <a:rPr lang="de-DE" dirty="0" err="1"/>
              <a:t>sachen</a:t>
            </a:r>
            <a:r>
              <a:rPr lang="de-DE" dirty="0"/>
              <a:t> für Go installier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464CFF04-089B-5109-EFAB-8F62255DC92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28B20008-9B97-005C-8187-5D0865F8D56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1BDD3047-3C9C-B18A-58A1-79CBEE252A8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8FA61732-D083-F67E-AE0E-03004973B8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243402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4E02F64-ED73-E73F-352B-B7907415B7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Github</a:t>
            </a:r>
            <a:endParaRPr lang="de-DE" dirty="0"/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8E452845-11A0-AB71-1698-C2FD3ED03A1C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Website für Programmier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Funktion: Teilen von Dateien, Ordnern und Projekt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Open Source Projekte laufen oft über </a:t>
            </a:r>
            <a:r>
              <a:rPr lang="de-DE" dirty="0" err="1"/>
              <a:t>Github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Ich und Herr </a:t>
            </a:r>
            <a:r>
              <a:rPr lang="de-DE" dirty="0" err="1"/>
              <a:t>Hüchting</a:t>
            </a:r>
            <a:r>
              <a:rPr lang="de-DE" dirty="0"/>
              <a:t> teilen Aufgaben über </a:t>
            </a:r>
            <a:r>
              <a:rPr lang="de-DE" dirty="0" err="1"/>
              <a:t>Github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In einem Projekt kann man durch die Ordner wie im File Explorer durchgeh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ED610A56-BC29-255B-723A-A4C94CCA4BF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2000BF56-3335-A836-DC0E-1C16CF07946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8AF9B2F2-0DB3-D535-FB23-F9916587AC6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94321B0-7980-6FE4-63BF-8C242E85349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30034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fik 2">
            <a:extLst>
              <a:ext uri="{FF2B5EF4-FFF2-40B4-BE49-F238E27FC236}">
                <a16:creationId xmlns:a16="http://schemas.microsoft.com/office/drawing/2014/main" id="{C91B006D-4E6B-17F5-4752-8FEB1478DA7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42"/>
            <a:ext cx="12192000" cy="6855916"/>
          </a:xfrm>
          <a:prstGeom prst="rect">
            <a:avLst/>
          </a:prstGeom>
        </p:spPr>
      </p:pic>
      <p:cxnSp>
        <p:nvCxnSpPr>
          <p:cNvPr id="5" name="Gerade Verbindung mit Pfeil 4">
            <a:extLst>
              <a:ext uri="{FF2B5EF4-FFF2-40B4-BE49-F238E27FC236}">
                <a16:creationId xmlns:a16="http://schemas.microsoft.com/office/drawing/2014/main" id="{F34BF560-957F-7EC1-39BA-C6062539FE28}"/>
              </a:ext>
            </a:extLst>
          </p:cNvPr>
          <p:cNvCxnSpPr>
            <a:cxnSpLocks/>
          </p:cNvCxnSpPr>
          <p:nvPr/>
        </p:nvCxnSpPr>
        <p:spPr bwMode="gray">
          <a:xfrm>
            <a:off x="7012502" y="5896303"/>
            <a:ext cx="0" cy="592784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feld 7">
            <a:extLst>
              <a:ext uri="{FF2B5EF4-FFF2-40B4-BE49-F238E27FC236}">
                <a16:creationId xmlns:a16="http://schemas.microsoft.com/office/drawing/2014/main" id="{2F0BF451-BF92-4F1F-8874-262D398427E7}"/>
              </a:ext>
            </a:extLst>
          </p:cNvPr>
          <p:cNvSpPr txBox="1"/>
          <p:nvPr/>
        </p:nvSpPr>
        <p:spPr bwMode="gray">
          <a:xfrm>
            <a:off x="6098102" y="5612524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Company Portal öffnen</a:t>
            </a:r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77F9E74B-45A1-03C6-A6A5-D38BBFCCE2C0}"/>
              </a:ext>
            </a:extLst>
          </p:cNvPr>
          <p:cNvCxnSpPr>
            <a:cxnSpLocks/>
          </p:cNvCxnSpPr>
          <p:nvPr/>
        </p:nvCxnSpPr>
        <p:spPr bwMode="gray">
          <a:xfrm flipH="1" flipV="1">
            <a:off x="6499598" y="302698"/>
            <a:ext cx="2102" cy="2478339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feld 11">
            <a:extLst>
              <a:ext uri="{FF2B5EF4-FFF2-40B4-BE49-F238E27FC236}">
                <a16:creationId xmlns:a16="http://schemas.microsoft.com/office/drawing/2014/main" id="{04A04890-7F0A-2847-264C-11DC540DF314}"/>
              </a:ext>
            </a:extLst>
          </p:cNvPr>
          <p:cNvSpPr txBox="1"/>
          <p:nvPr/>
        </p:nvSpPr>
        <p:spPr bwMode="gray">
          <a:xfrm>
            <a:off x="5181600" y="2963917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Nach VS-Code suchen und installieren</a:t>
            </a:r>
          </a:p>
        </p:txBody>
      </p:sp>
    </p:spTree>
    <p:extLst>
      <p:ext uri="{BB962C8B-B14F-4D97-AF65-F5344CB8AC3E}">
        <p14:creationId xmlns:p14="http://schemas.microsoft.com/office/powerpoint/2010/main" val="3457862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fik 3">
            <a:extLst>
              <a:ext uri="{FF2B5EF4-FFF2-40B4-BE49-F238E27FC236}">
                <a16:creationId xmlns:a16="http://schemas.microsoft.com/office/drawing/2014/main" id="{0CA68B02-D489-DE95-B6E5-8D69F51DB18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84"/>
            <a:ext cx="12192000" cy="6855916"/>
          </a:xfrm>
          <a:prstGeom prst="rect">
            <a:avLst/>
          </a:prstGeom>
        </p:spPr>
      </p:pic>
      <p:cxnSp>
        <p:nvCxnSpPr>
          <p:cNvPr id="6" name="Gerade Verbindung mit Pfeil 5">
            <a:extLst>
              <a:ext uri="{FF2B5EF4-FFF2-40B4-BE49-F238E27FC236}">
                <a16:creationId xmlns:a16="http://schemas.microsoft.com/office/drawing/2014/main" id="{A5395BA0-3834-75FD-5DC8-60347A328768}"/>
              </a:ext>
            </a:extLst>
          </p:cNvPr>
          <p:cNvCxnSpPr>
            <a:cxnSpLocks/>
          </p:cNvCxnSpPr>
          <p:nvPr/>
        </p:nvCxnSpPr>
        <p:spPr bwMode="gray">
          <a:xfrm flipH="1">
            <a:off x="1715288" y="1973843"/>
            <a:ext cx="1267548" cy="110989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feld 8">
            <a:extLst>
              <a:ext uri="{FF2B5EF4-FFF2-40B4-BE49-F238E27FC236}">
                <a16:creationId xmlns:a16="http://schemas.microsoft.com/office/drawing/2014/main" id="{1856E90E-19FF-5702-A557-4640ECB39DE0}"/>
              </a:ext>
            </a:extLst>
          </p:cNvPr>
          <p:cNvSpPr txBox="1"/>
          <p:nvPr/>
        </p:nvSpPr>
        <p:spPr bwMode="gray">
          <a:xfrm>
            <a:off x="3026980" y="1847719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Alternative: Hier klicken</a:t>
            </a:r>
          </a:p>
        </p:txBody>
      </p:sp>
    </p:spTree>
    <p:extLst>
      <p:ext uri="{BB962C8B-B14F-4D97-AF65-F5344CB8AC3E}">
        <p14:creationId xmlns:p14="http://schemas.microsoft.com/office/powerpoint/2010/main" val="41399081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fik 2">
            <a:extLst>
              <a:ext uri="{FF2B5EF4-FFF2-40B4-BE49-F238E27FC236}">
                <a16:creationId xmlns:a16="http://schemas.microsoft.com/office/drawing/2014/main" id="{6AB872FE-8DBB-544D-ED75-6929C39E09B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42"/>
            <a:ext cx="12192000" cy="6855916"/>
          </a:xfrm>
          <a:prstGeom prst="rect">
            <a:avLst/>
          </a:prstGeom>
        </p:spPr>
      </p:pic>
      <p:cxnSp>
        <p:nvCxnSpPr>
          <p:cNvPr id="4" name="Gerade Verbindung mit Pfeil 3">
            <a:extLst>
              <a:ext uri="{FF2B5EF4-FFF2-40B4-BE49-F238E27FC236}">
                <a16:creationId xmlns:a16="http://schemas.microsoft.com/office/drawing/2014/main" id="{88D6A195-F0B4-35D1-02BB-3C8C2F1CF2B0}"/>
              </a:ext>
            </a:extLst>
          </p:cNvPr>
          <p:cNvCxnSpPr>
            <a:cxnSpLocks/>
          </p:cNvCxnSpPr>
          <p:nvPr/>
        </p:nvCxnSpPr>
        <p:spPr bwMode="gray">
          <a:xfrm flipH="1">
            <a:off x="5990896" y="2812569"/>
            <a:ext cx="687377" cy="0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feld 5">
            <a:extLst>
              <a:ext uri="{FF2B5EF4-FFF2-40B4-BE49-F238E27FC236}">
                <a16:creationId xmlns:a16="http://schemas.microsoft.com/office/drawing/2014/main" id="{E9772213-EFC6-AEDB-E3E4-4CAF9FB61CD9}"/>
              </a:ext>
            </a:extLst>
          </p:cNvPr>
          <p:cNvSpPr txBox="1"/>
          <p:nvPr/>
        </p:nvSpPr>
        <p:spPr bwMode="gray">
          <a:xfrm>
            <a:off x="6747641" y="2705363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Scrollen und hier Zip Downloaden</a:t>
            </a:r>
          </a:p>
        </p:txBody>
      </p:sp>
    </p:spTree>
    <p:extLst>
      <p:ext uri="{BB962C8B-B14F-4D97-AF65-F5344CB8AC3E}">
        <p14:creationId xmlns:p14="http://schemas.microsoft.com/office/powerpoint/2010/main" val="21264259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27AD16FF-B7F9-FE0A-9EFC-7B7164135F5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42"/>
            <a:ext cx="12192000" cy="6855916"/>
          </a:xfrm>
          <a:prstGeom prst="rect">
            <a:avLst/>
          </a:prstGeom>
        </p:spPr>
      </p:pic>
      <p:cxnSp>
        <p:nvCxnSpPr>
          <p:cNvPr id="7" name="Gerade Verbindung mit Pfeil 6">
            <a:extLst>
              <a:ext uri="{FF2B5EF4-FFF2-40B4-BE49-F238E27FC236}">
                <a16:creationId xmlns:a16="http://schemas.microsoft.com/office/drawing/2014/main" id="{9C01C37A-044A-D05D-3234-E89AFA40908A}"/>
              </a:ext>
            </a:extLst>
          </p:cNvPr>
          <p:cNvCxnSpPr>
            <a:cxnSpLocks/>
          </p:cNvCxnSpPr>
          <p:nvPr/>
        </p:nvCxnSpPr>
        <p:spPr bwMode="gray">
          <a:xfrm flipH="1">
            <a:off x="239635" y="1507182"/>
            <a:ext cx="775664" cy="0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feld 10">
            <a:extLst>
              <a:ext uri="{FF2B5EF4-FFF2-40B4-BE49-F238E27FC236}">
                <a16:creationId xmlns:a16="http://schemas.microsoft.com/office/drawing/2014/main" id="{FFF8CB48-D934-89FC-5AA7-FEE5CBE2732E}"/>
              </a:ext>
            </a:extLst>
          </p:cNvPr>
          <p:cNvSpPr txBox="1"/>
          <p:nvPr/>
        </p:nvSpPr>
        <p:spPr bwMode="gray">
          <a:xfrm>
            <a:off x="1072055" y="1399979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Hier klicken</a:t>
            </a:r>
          </a:p>
        </p:txBody>
      </p:sp>
      <p:sp>
        <p:nvSpPr>
          <p:cNvPr id="12" name="Textfeld 11">
            <a:extLst>
              <a:ext uri="{FF2B5EF4-FFF2-40B4-BE49-F238E27FC236}">
                <a16:creationId xmlns:a16="http://schemas.microsoft.com/office/drawing/2014/main" id="{7B833F5B-C7FA-9119-16EF-94A6DDB12FEF}"/>
              </a:ext>
            </a:extLst>
          </p:cNvPr>
          <p:cNvSpPr txBox="1"/>
          <p:nvPr/>
        </p:nvSpPr>
        <p:spPr bwMode="gray">
          <a:xfrm>
            <a:off x="239635" y="372064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dirty="0" err="1">
                <a:solidFill>
                  <a:schemeClr val="bg1"/>
                </a:solidFill>
              </a:rPr>
              <a:t>Extensions</a:t>
            </a:r>
            <a:r>
              <a:rPr lang="de-DE" dirty="0">
                <a:solidFill>
                  <a:schemeClr val="bg1"/>
                </a:solidFill>
              </a:rPr>
              <a:t>(Erweiterungen) installieren</a:t>
            </a:r>
          </a:p>
        </p:txBody>
      </p:sp>
    </p:spTree>
    <p:extLst>
      <p:ext uri="{BB962C8B-B14F-4D97-AF65-F5344CB8AC3E}">
        <p14:creationId xmlns:p14="http://schemas.microsoft.com/office/powerpoint/2010/main" val="12964376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8803951-44E8-07DF-C26E-0340AADE210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FD064C26-A404-E056-A8B0-EDE058753E3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42"/>
            <a:ext cx="12192000" cy="6855916"/>
          </a:xfrm>
          <a:prstGeom prst="rect">
            <a:avLst/>
          </a:prstGeom>
        </p:spPr>
      </p:pic>
      <p:cxnSp>
        <p:nvCxnSpPr>
          <p:cNvPr id="7" name="Gerade Verbindung mit Pfeil 6">
            <a:extLst>
              <a:ext uri="{FF2B5EF4-FFF2-40B4-BE49-F238E27FC236}">
                <a16:creationId xmlns:a16="http://schemas.microsoft.com/office/drawing/2014/main" id="{63DECC04-67E5-D2F2-7D21-CD89C33141C8}"/>
              </a:ext>
            </a:extLst>
          </p:cNvPr>
          <p:cNvCxnSpPr>
            <a:cxnSpLocks/>
          </p:cNvCxnSpPr>
          <p:nvPr/>
        </p:nvCxnSpPr>
        <p:spPr bwMode="gray">
          <a:xfrm flipH="1">
            <a:off x="3254001" y="945929"/>
            <a:ext cx="775664" cy="0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" name="Gerade Verbindung mit Pfeil 1">
            <a:extLst>
              <a:ext uri="{FF2B5EF4-FFF2-40B4-BE49-F238E27FC236}">
                <a16:creationId xmlns:a16="http://schemas.microsoft.com/office/drawing/2014/main" id="{FA4C1FF9-5BCC-53DE-B960-0DAA8206AEC6}"/>
              </a:ext>
            </a:extLst>
          </p:cNvPr>
          <p:cNvCxnSpPr>
            <a:cxnSpLocks/>
          </p:cNvCxnSpPr>
          <p:nvPr/>
        </p:nvCxnSpPr>
        <p:spPr bwMode="gray">
          <a:xfrm flipH="1">
            <a:off x="3254001" y="4850522"/>
            <a:ext cx="775664" cy="0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" name="Gerade Verbindung mit Pfeil 2">
            <a:extLst>
              <a:ext uri="{FF2B5EF4-FFF2-40B4-BE49-F238E27FC236}">
                <a16:creationId xmlns:a16="http://schemas.microsoft.com/office/drawing/2014/main" id="{66FB9E47-2740-2632-1B37-D039E7E5C4F7}"/>
              </a:ext>
            </a:extLst>
          </p:cNvPr>
          <p:cNvCxnSpPr>
            <a:cxnSpLocks/>
          </p:cNvCxnSpPr>
          <p:nvPr/>
        </p:nvCxnSpPr>
        <p:spPr bwMode="gray">
          <a:xfrm flipH="1">
            <a:off x="3254001" y="4434312"/>
            <a:ext cx="775664" cy="0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" name="Gerade Verbindung mit Pfeil 3">
            <a:extLst>
              <a:ext uri="{FF2B5EF4-FFF2-40B4-BE49-F238E27FC236}">
                <a16:creationId xmlns:a16="http://schemas.microsoft.com/office/drawing/2014/main" id="{F5461C28-D2B2-D729-0EC0-C293FC7BB015}"/>
              </a:ext>
            </a:extLst>
          </p:cNvPr>
          <p:cNvCxnSpPr>
            <a:cxnSpLocks/>
          </p:cNvCxnSpPr>
          <p:nvPr/>
        </p:nvCxnSpPr>
        <p:spPr bwMode="gray">
          <a:xfrm flipH="1">
            <a:off x="3254001" y="4038072"/>
            <a:ext cx="775664" cy="0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feld 5">
            <a:extLst>
              <a:ext uri="{FF2B5EF4-FFF2-40B4-BE49-F238E27FC236}">
                <a16:creationId xmlns:a16="http://schemas.microsoft.com/office/drawing/2014/main" id="{65AE6557-DC27-BFDA-1B24-7CB09A6108B7}"/>
              </a:ext>
            </a:extLst>
          </p:cNvPr>
          <p:cNvSpPr txBox="1"/>
          <p:nvPr/>
        </p:nvSpPr>
        <p:spPr bwMode="gray">
          <a:xfrm>
            <a:off x="4459540" y="4124260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Diese vier Pakete installieren</a:t>
            </a:r>
          </a:p>
          <a:p>
            <a:pPr algn="l">
              <a:spcBef>
                <a:spcPts val="600"/>
              </a:spcBef>
            </a:pPr>
            <a:endParaRPr lang="de-DE" sz="14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201628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8EC76B4-8CFD-28F8-EC06-033CB4080B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3AD4FE5E-877B-4C61-FE76-06312AA6533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42"/>
            <a:ext cx="12192000" cy="6855916"/>
          </a:xfrm>
          <a:prstGeom prst="rect">
            <a:avLst/>
          </a:prstGeom>
        </p:spPr>
      </p:pic>
      <p:sp>
        <p:nvSpPr>
          <p:cNvPr id="2" name="Rechteck 1">
            <a:extLst>
              <a:ext uri="{FF2B5EF4-FFF2-40B4-BE49-F238E27FC236}">
                <a16:creationId xmlns:a16="http://schemas.microsoft.com/office/drawing/2014/main" id="{375A1B01-2245-C533-0E56-AFB6BD29D17A}"/>
              </a:ext>
            </a:extLst>
          </p:cNvPr>
          <p:cNvSpPr/>
          <p:nvPr/>
        </p:nvSpPr>
        <p:spPr bwMode="gray">
          <a:xfrm>
            <a:off x="3247697" y="214411"/>
            <a:ext cx="8900160" cy="3405352"/>
          </a:xfrm>
          <a:prstGeom prst="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de-DE" sz="1400" dirty="0">
              <a:ln>
                <a:solidFill>
                  <a:srgbClr val="FF0000"/>
                </a:solidFill>
              </a:ln>
              <a:solidFill>
                <a:schemeClr val="tx1"/>
              </a:solidFill>
            </a:endParaRPr>
          </a:p>
        </p:txBody>
      </p:sp>
      <p:sp>
        <p:nvSpPr>
          <p:cNvPr id="3" name="Textfeld 2">
            <a:extLst>
              <a:ext uri="{FF2B5EF4-FFF2-40B4-BE49-F238E27FC236}">
                <a16:creationId xmlns:a16="http://schemas.microsoft.com/office/drawing/2014/main" id="{E2FC119B-BF53-3C4C-A92A-DD5FA82B74B3}"/>
              </a:ext>
            </a:extLst>
          </p:cNvPr>
          <p:cNvSpPr txBox="1"/>
          <p:nvPr/>
        </p:nvSpPr>
        <p:spPr bwMode="gray">
          <a:xfrm>
            <a:off x="4042279" y="4061197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Durch klicken auf die </a:t>
            </a:r>
            <a:r>
              <a:rPr lang="de-DE" sz="1400" dirty="0" err="1">
                <a:solidFill>
                  <a:schemeClr val="bg1"/>
                </a:solidFill>
              </a:rPr>
              <a:t>Extensions</a:t>
            </a:r>
            <a:r>
              <a:rPr lang="de-DE" sz="1400" dirty="0">
                <a:solidFill>
                  <a:schemeClr val="bg1"/>
                </a:solidFill>
              </a:rPr>
              <a:t> öffnet sich dieses Fenster (nach </a:t>
            </a:r>
            <a:r>
              <a:rPr lang="de-DE" sz="1400" dirty="0" err="1">
                <a:solidFill>
                  <a:schemeClr val="bg1"/>
                </a:solidFill>
              </a:rPr>
              <a:t>Extensions</a:t>
            </a:r>
            <a:r>
              <a:rPr lang="de-DE" sz="1400" dirty="0">
                <a:solidFill>
                  <a:schemeClr val="bg1"/>
                </a:solidFill>
              </a:rPr>
              <a:t> suchen)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Auf </a:t>
            </a:r>
            <a:r>
              <a:rPr lang="de-DE" sz="1400" dirty="0" err="1">
                <a:solidFill>
                  <a:schemeClr val="bg1"/>
                </a:solidFill>
              </a:rPr>
              <a:t>Install</a:t>
            </a:r>
            <a:r>
              <a:rPr lang="de-DE" sz="1400" dirty="0">
                <a:solidFill>
                  <a:schemeClr val="bg1"/>
                </a:solidFill>
              </a:rPr>
              <a:t> klicken</a:t>
            </a:r>
          </a:p>
        </p:txBody>
      </p:sp>
    </p:spTree>
    <p:extLst>
      <p:ext uri="{BB962C8B-B14F-4D97-AF65-F5344CB8AC3E}">
        <p14:creationId xmlns:p14="http://schemas.microsoft.com/office/powerpoint/2010/main" val="4023773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3E1DADA-0096-D760-FEA2-1B9BE5A72D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Teil 2: Command Promp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276581C-0649-6013-4B54-FF3DCC1361E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uchleiste „</a:t>
            </a:r>
            <a:r>
              <a:rPr lang="de-DE" dirty="0" err="1"/>
              <a:t>cmd</a:t>
            </a:r>
            <a:r>
              <a:rPr lang="de-DE" dirty="0"/>
              <a:t>“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Alles was im Windows ausgeführt wird, wird intern über das </a:t>
            </a:r>
            <a:r>
              <a:rPr lang="de-DE" dirty="0" err="1"/>
              <a:t>cmd</a:t>
            </a:r>
            <a:r>
              <a:rPr lang="de-DE" dirty="0"/>
              <a:t> ausgeführ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/>
          </a:p>
          <a:p>
            <a:r>
              <a:rPr lang="de-DE" dirty="0"/>
              <a:t>Es gibt viele befehle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 err="1"/>
              <a:t>Internals</a:t>
            </a:r>
            <a:r>
              <a:rPr lang="de-DE" dirty="0"/>
              <a:t> (im </a:t>
            </a:r>
            <a:r>
              <a:rPr lang="de-DE" dirty="0" err="1"/>
              <a:t>cmd</a:t>
            </a:r>
            <a:r>
              <a:rPr lang="de-DE" dirty="0"/>
              <a:t> eingebaute befehle)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de-DE" dirty="0" err="1"/>
              <a:t>Cd</a:t>
            </a:r>
            <a:r>
              <a:rPr lang="de-DE" dirty="0"/>
              <a:t> (</a:t>
            </a:r>
            <a:r>
              <a:rPr lang="de-DE" dirty="0" err="1"/>
              <a:t>change</a:t>
            </a:r>
            <a:r>
              <a:rPr lang="de-DE" dirty="0"/>
              <a:t> </a:t>
            </a:r>
            <a:r>
              <a:rPr lang="de-DE" dirty="0" err="1"/>
              <a:t>directory</a:t>
            </a:r>
            <a:r>
              <a:rPr lang="de-DE" dirty="0"/>
              <a:t>)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de-DE" dirty="0"/>
              <a:t>Ren (</a:t>
            </a:r>
            <a:r>
              <a:rPr lang="de-DE" dirty="0" err="1"/>
              <a:t>rename</a:t>
            </a:r>
            <a:r>
              <a:rPr lang="de-DE" dirty="0"/>
              <a:t>)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de-DE" dirty="0"/>
              <a:t>Dir (Unterordner auflisten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 err="1"/>
              <a:t>Externals</a:t>
            </a:r>
            <a:r>
              <a:rPr lang="de-DE" dirty="0"/>
              <a:t> (durch Path erreichbar)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de-DE" dirty="0"/>
              <a:t>Ping (IP-Adresse anfragen)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de-DE" dirty="0" err="1"/>
              <a:t>ipconfig</a:t>
            </a:r>
            <a:r>
              <a:rPr lang="de-DE" dirty="0"/>
              <a:t> (IP-Konfiguration vom eigenen Computer)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de-DE" dirty="0"/>
              <a:t>Shutdow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Über Dateinamen aufrufen (geht immer)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de-DE" dirty="0"/>
              <a:t>Notepad.exe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AFB50F9-3D27-2458-0EE8-614C1B4DA3B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C110F03-BBA8-B8FF-A388-B9461B57D98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AB3C9BBC-0078-2451-4A12-B65AC9DB1E7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532324A-8AB6-EC46-F0CA-E324AC9269A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57938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E8898F1-AA16-0B15-CCD9-B8B759385A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ath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FC02D33A-F8E2-FBF0-E593-A01E6387724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Cmd</a:t>
            </a:r>
            <a:r>
              <a:rPr lang="de-DE" dirty="0"/>
              <a:t> muss jeden Befehl suchen</a:t>
            </a:r>
          </a:p>
          <a:p>
            <a:r>
              <a:rPr lang="de-DE" dirty="0"/>
              <a:t>Dafür gibt es einen Path</a:t>
            </a:r>
          </a:p>
          <a:p>
            <a:r>
              <a:rPr lang="de-DE" dirty="0"/>
              <a:t>Jede Datei, die in einem Path Ordner steht kann ausgeführt werden </a:t>
            </a:r>
          </a:p>
          <a:p>
            <a:r>
              <a:rPr lang="de-DE" dirty="0"/>
              <a:t>.exe Dateien meistens interessant</a:t>
            </a:r>
          </a:p>
          <a:p>
            <a:r>
              <a:rPr lang="de-DE" dirty="0"/>
              <a:t>Im aktuellen Ordner wird auch gesucht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0D0460B5-71AA-8C68-CB37-08D6B37192A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DEC7F72-23E8-7804-54EF-B9E55D336D6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5243A8E3-E0C2-FB34-DA34-00780D8FE3F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9FDB69B-5122-508B-AD56-367EB451C6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72178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6B1623-CB72-6E83-5683-FC072A5532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ie funktionieren Dateie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AA97C3-FF22-64CB-1A2D-764263CB457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Hardware: x Speicherplatten mit y Speicherplatz</a:t>
            </a:r>
          </a:p>
          <a:p>
            <a:r>
              <a:rPr lang="de-DE" dirty="0"/>
              <a:t>Windows: Konfiguration dieser Speicherplatten in virtuelle Speicher</a:t>
            </a:r>
          </a:p>
          <a:p>
            <a:r>
              <a:rPr lang="de-DE" dirty="0"/>
              <a:t>Bei 2 gleichen speicherplatten die Möglichkeit die gleichen daten zu speichern, um Datenverluste zu verhindern</a:t>
            </a:r>
          </a:p>
          <a:p>
            <a:r>
              <a:rPr lang="de-DE" dirty="0"/>
              <a:t>Einfachste Konfiguration (auch bei unseren Laptops)</a:t>
            </a:r>
          </a:p>
          <a:p>
            <a:r>
              <a:rPr lang="de-DE" dirty="0"/>
              <a:t>Jede speicherplatte 1 virtueller Speicher</a:t>
            </a:r>
          </a:p>
          <a:p>
            <a:r>
              <a:rPr lang="de-DE" dirty="0"/>
              <a:t>Virtueller Speicher ist ein Ordner</a:t>
            </a:r>
          </a:p>
          <a:p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CC2E9D7-B02E-605A-9E9B-0C3A81EDA8E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169E9A5-829A-E232-78A3-C4C3F5AC39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2E9F37C-2A65-A665-A3F0-CD65081EE3F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6D95AD8-780B-F426-0E3F-DC195A8B2D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14284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72EC05-C68C-F8AB-9524-5522CA33E2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Go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084461B3-408A-DD96-ADA9-2EE61874D70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Um Go zu nutzen, muss Go über </a:t>
            </a:r>
            <a:r>
              <a:rPr lang="de-DE" dirty="0" err="1"/>
              <a:t>cmd</a:t>
            </a:r>
            <a:r>
              <a:rPr lang="de-DE" dirty="0"/>
              <a:t> ausgeführt werden</a:t>
            </a:r>
          </a:p>
          <a:p>
            <a:r>
              <a:rPr lang="de-DE" dirty="0"/>
              <a:t>Go Ordner muss in Path eingefügt werden</a:t>
            </a:r>
          </a:p>
          <a:p>
            <a:r>
              <a:rPr lang="de-DE" dirty="0"/>
              <a:t>Go im Go/bin Ordner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3C27C0E7-E1B2-FD42-E745-FE438E70004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414C39E-4238-704C-8E93-C04AF9355A9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05E65FA9-A71A-873C-3176-6E6192266B1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8E712C8-0E6B-C55F-A1A8-FA33544577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32064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A9351D3-F9A3-AA59-930A-0F5CA2F34A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ath variable änder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A429F15-1A10-8F00-96E4-CB9AB9701C14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2 Möglichkeiten:</a:t>
            </a:r>
          </a:p>
          <a:p>
            <a:r>
              <a:rPr lang="de-DE" dirty="0"/>
              <a:t>Path variable ändern (Adminrechte)</a:t>
            </a:r>
          </a:p>
          <a:p>
            <a:r>
              <a:rPr lang="de-DE" dirty="0"/>
              <a:t>Path variable für Account ändern (keine Adminrechte)</a:t>
            </a:r>
          </a:p>
          <a:p>
            <a:endParaRPr lang="de-DE" dirty="0"/>
          </a:p>
          <a:p>
            <a:r>
              <a:rPr lang="de-DE" dirty="0"/>
              <a:t>In Einstellungen suchen nach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Path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Edit </a:t>
            </a:r>
            <a:r>
              <a:rPr lang="de-DE" dirty="0" err="1"/>
              <a:t>environment</a:t>
            </a:r>
            <a:r>
              <a:rPr lang="de-DE" dirty="0"/>
              <a:t> variables </a:t>
            </a:r>
            <a:r>
              <a:rPr lang="de-DE" dirty="0" err="1"/>
              <a:t>for</a:t>
            </a:r>
            <a:r>
              <a:rPr lang="de-DE" dirty="0"/>
              <a:t> </a:t>
            </a:r>
            <a:r>
              <a:rPr lang="de-DE" dirty="0" err="1"/>
              <a:t>your</a:t>
            </a:r>
            <a:r>
              <a:rPr lang="de-DE" dirty="0"/>
              <a:t> </a:t>
            </a:r>
            <a:r>
              <a:rPr lang="de-DE" dirty="0" err="1"/>
              <a:t>account</a:t>
            </a:r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4B77B2C-557A-52A0-C078-4AA9E33A3F5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CCFBB2-8007-190B-4C47-CD6994E8036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65008B8-0C31-C35B-2271-0B18F9AFB5F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EDEA211-B709-5A66-08CF-B466641A3A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22000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484194D-95F7-9359-4ADE-86CA9941323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75198" y="685417"/>
            <a:ext cx="5849166" cy="5487166"/>
          </a:xfrm>
          <a:prstGeom prst="rect">
            <a:avLst/>
          </a:prstGeom>
        </p:spPr>
      </p:pic>
      <p:cxnSp>
        <p:nvCxnSpPr>
          <p:cNvPr id="5" name="Straight Arrow Connector 4">
            <a:extLst>
              <a:ext uri="{FF2B5EF4-FFF2-40B4-BE49-F238E27FC236}">
                <a16:creationId xmlns:a16="http://schemas.microsoft.com/office/drawing/2014/main" id="{B22A0922-7E51-DAA1-281F-E2EBA513B2C5}"/>
              </a:ext>
            </a:extLst>
          </p:cNvPr>
          <p:cNvCxnSpPr/>
          <p:nvPr/>
        </p:nvCxnSpPr>
        <p:spPr bwMode="gray">
          <a:xfrm flipH="1" flipV="1">
            <a:off x="6581955" y="2104845"/>
            <a:ext cx="1337094" cy="7763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802EF5EC-D478-2783-336C-53670BD05953}"/>
              </a:ext>
            </a:extLst>
          </p:cNvPr>
          <p:cNvCxnSpPr/>
          <p:nvPr/>
        </p:nvCxnSpPr>
        <p:spPr bwMode="gray">
          <a:xfrm flipH="1" flipV="1">
            <a:off x="5796951" y="3191774"/>
            <a:ext cx="1897811" cy="49170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0A61D639-AC6E-E383-EC96-F0C699E20698}"/>
              </a:ext>
            </a:extLst>
          </p:cNvPr>
          <p:cNvSpPr txBox="1"/>
          <p:nvPr/>
        </p:nvSpPr>
        <p:spPr bwMode="gray">
          <a:xfrm>
            <a:off x="8134709" y="2143664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1.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414670B-24EA-C28C-F6F3-6466684EF22A}"/>
              </a:ext>
            </a:extLst>
          </p:cNvPr>
          <p:cNvSpPr txBox="1"/>
          <p:nvPr/>
        </p:nvSpPr>
        <p:spPr bwMode="gray">
          <a:xfrm>
            <a:off x="7798279" y="3536830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2.</a:t>
            </a:r>
          </a:p>
        </p:txBody>
      </p:sp>
    </p:spTree>
    <p:extLst>
      <p:ext uri="{BB962C8B-B14F-4D97-AF65-F5344CB8AC3E}">
        <p14:creationId xmlns:p14="http://schemas.microsoft.com/office/powerpoint/2010/main" val="8669890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4499902-B021-B7DC-165D-F6C812E1095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3769" y="1075996"/>
            <a:ext cx="4991797" cy="4706007"/>
          </a:xfrm>
          <a:prstGeom prst="rect">
            <a:avLst/>
          </a:prstGeom>
        </p:spPr>
      </p:pic>
      <p:cxnSp>
        <p:nvCxnSpPr>
          <p:cNvPr id="5" name="Straight Arrow Connector 4">
            <a:extLst>
              <a:ext uri="{FF2B5EF4-FFF2-40B4-BE49-F238E27FC236}">
                <a16:creationId xmlns:a16="http://schemas.microsoft.com/office/drawing/2014/main" id="{4633FBDC-4B95-0CE1-EA3D-E57CCA694911}"/>
              </a:ext>
            </a:extLst>
          </p:cNvPr>
          <p:cNvCxnSpPr/>
          <p:nvPr/>
        </p:nvCxnSpPr>
        <p:spPr bwMode="gray">
          <a:xfrm flipH="1">
            <a:off x="5805566" y="1708030"/>
            <a:ext cx="1431996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8BA77D10-2639-3A00-F343-3560D346DA1E}"/>
              </a:ext>
            </a:extLst>
          </p:cNvPr>
          <p:cNvSpPr txBox="1"/>
          <p:nvPr/>
        </p:nvSpPr>
        <p:spPr bwMode="gray">
          <a:xfrm>
            <a:off x="7358333" y="1613143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1.</a:t>
            </a:r>
          </a:p>
          <a:p>
            <a:pPr algn="l">
              <a:spcBef>
                <a:spcPts val="600"/>
              </a:spcBef>
            </a:pPr>
            <a:endParaRPr lang="de-DE" sz="1400" dirty="0"/>
          </a:p>
          <a:p>
            <a:pPr algn="l">
              <a:spcBef>
                <a:spcPts val="600"/>
              </a:spcBef>
            </a:pPr>
            <a:r>
              <a:rPr lang="de-DE" sz="1400" dirty="0"/>
              <a:t>2. /bin </a:t>
            </a:r>
            <a:r>
              <a:rPr lang="de-DE" sz="1400" dirty="0" err="1"/>
              <a:t>pfad</a:t>
            </a:r>
            <a:r>
              <a:rPr lang="de-DE" sz="1400" dirty="0"/>
              <a:t> einfügen</a:t>
            </a:r>
          </a:p>
          <a:p>
            <a:pPr algn="l">
              <a:spcBef>
                <a:spcPts val="600"/>
              </a:spcBef>
            </a:pPr>
            <a:endParaRPr lang="de-DE" sz="1400" dirty="0"/>
          </a:p>
          <a:p>
            <a:pPr algn="l">
              <a:spcBef>
                <a:spcPts val="600"/>
              </a:spcBef>
            </a:pPr>
            <a:r>
              <a:rPr lang="de-DE" sz="1400" dirty="0"/>
              <a:t>3. OK</a:t>
            </a:r>
          </a:p>
          <a:p>
            <a:pPr algn="l">
              <a:spcBef>
                <a:spcPts val="600"/>
              </a:spcBef>
            </a:pPr>
            <a:endParaRPr lang="de-DE" sz="1400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505E6BF3-33B5-0D10-78E3-A530AF18DB70}"/>
              </a:ext>
            </a:extLst>
          </p:cNvPr>
          <p:cNvCxnSpPr/>
          <p:nvPr/>
        </p:nvCxnSpPr>
        <p:spPr bwMode="gray">
          <a:xfrm flipH="1">
            <a:off x="4710023" y="2915728"/>
            <a:ext cx="2458528" cy="239814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854806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697A6E-E799-DAB9-03A5-99B1A866C2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BEA0E8F-F3FF-EBA5-84D0-0BCF9888DC0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75198" y="685417"/>
            <a:ext cx="5849166" cy="5487166"/>
          </a:xfrm>
          <a:prstGeom prst="rect">
            <a:avLst/>
          </a:prstGeom>
        </p:spPr>
      </p:pic>
      <p:cxnSp>
        <p:nvCxnSpPr>
          <p:cNvPr id="4" name="Straight Arrow Connector 3">
            <a:extLst>
              <a:ext uri="{FF2B5EF4-FFF2-40B4-BE49-F238E27FC236}">
                <a16:creationId xmlns:a16="http://schemas.microsoft.com/office/drawing/2014/main" id="{0545AA36-A7C4-1750-0A60-DACC0C7B4187}"/>
              </a:ext>
            </a:extLst>
          </p:cNvPr>
          <p:cNvCxnSpPr/>
          <p:nvPr/>
        </p:nvCxnSpPr>
        <p:spPr bwMode="gray">
          <a:xfrm flipH="1">
            <a:off x="5736566" y="6047117"/>
            <a:ext cx="1906438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A85C947F-092C-CD0B-E042-3D811744D74D}"/>
              </a:ext>
            </a:extLst>
          </p:cNvPr>
          <p:cNvSpPr txBox="1"/>
          <p:nvPr/>
        </p:nvSpPr>
        <p:spPr bwMode="gray">
          <a:xfrm>
            <a:off x="7720642" y="5952231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4. Ok!!! (sonst werden </a:t>
            </a:r>
            <a:r>
              <a:rPr lang="de-DE" sz="1400" dirty="0" err="1"/>
              <a:t>änderungen</a:t>
            </a:r>
            <a:r>
              <a:rPr lang="de-DE" sz="1400" dirty="0"/>
              <a:t> nicht gespeichert</a:t>
            </a:r>
          </a:p>
          <a:p>
            <a:pPr algn="l">
              <a:spcBef>
                <a:spcPts val="600"/>
              </a:spcBef>
            </a:pPr>
            <a:endParaRPr lang="de-DE" sz="1400" dirty="0"/>
          </a:p>
          <a:p>
            <a:pPr algn="l">
              <a:spcBef>
                <a:spcPts val="600"/>
              </a:spcBef>
            </a:pPr>
            <a:r>
              <a:rPr lang="de-DE" sz="1400" dirty="0"/>
              <a:t>Falls </a:t>
            </a:r>
            <a:r>
              <a:rPr lang="de-DE" sz="1400" dirty="0" err="1"/>
              <a:t>fenster</a:t>
            </a:r>
            <a:r>
              <a:rPr lang="de-DE" sz="1400" dirty="0"/>
              <a:t> nicht auffindbar mit </a:t>
            </a:r>
            <a:r>
              <a:rPr lang="de-DE" sz="1400" dirty="0" err="1"/>
              <a:t>alt+tab</a:t>
            </a:r>
            <a:r>
              <a:rPr lang="de-DE" sz="1400" dirty="0"/>
              <a:t> suchen </a:t>
            </a:r>
          </a:p>
        </p:txBody>
      </p:sp>
    </p:spTree>
    <p:extLst>
      <p:ext uri="{BB962C8B-B14F-4D97-AF65-F5344CB8AC3E}">
        <p14:creationId xmlns:p14="http://schemas.microsoft.com/office/powerpoint/2010/main" val="29803428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3F99E96-980C-3E4D-266B-4A9F54EB85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Überprüf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0952DE24-CDD4-5DAF-BAE7-4B00BE656344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Cmd</a:t>
            </a:r>
            <a:r>
              <a:rPr lang="de-DE" dirty="0"/>
              <a:t> Öffnen</a:t>
            </a:r>
          </a:p>
          <a:p>
            <a:r>
              <a:rPr lang="de-DE" dirty="0"/>
              <a:t>Go eintippen</a:t>
            </a:r>
          </a:p>
          <a:p>
            <a:r>
              <a:rPr lang="de-DE" dirty="0"/>
              <a:t>Wenn diese Ausgabe kommt funktioniert alles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C2989479-3F59-A6DC-03C6-D7D7BA390B8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95B0A85B-26C0-384F-C094-B109ACEDBEE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83AF6502-7E2B-DED8-66F3-F409B9EEAD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F4F5617-B1B5-F346-D90B-88057765B1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5</a:t>
            </a:fld>
            <a:endParaRPr lang="en-US" dirty="0"/>
          </a:p>
        </p:txBody>
      </p:sp>
      <p:pic>
        <p:nvPicPr>
          <p:cNvPr id="11" name="Grafik 10">
            <a:extLst>
              <a:ext uri="{FF2B5EF4-FFF2-40B4-BE49-F238E27FC236}">
                <a16:creationId xmlns:a16="http://schemas.microsoft.com/office/drawing/2014/main" id="{27788A38-7ADD-8DDF-FE79-E50E5E0D5B7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42707" y="1836436"/>
            <a:ext cx="4918094" cy="44240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7440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C2D982-B6A2-C4AA-B187-14405560E2D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Inhaltsplatzhalter 8">
            <a:extLst>
              <a:ext uri="{FF2B5EF4-FFF2-40B4-BE49-F238E27FC236}">
                <a16:creationId xmlns:a16="http://schemas.microsoft.com/office/drawing/2014/main" id="{F5FC3C55-0BCA-0649-985F-B29447CA0840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2"/>
          <a:stretch/>
        </p:blipFill>
        <p:spPr>
          <a:xfrm>
            <a:off x="0" y="0"/>
            <a:ext cx="12192000" cy="6857999"/>
          </a:xfrm>
          <a:noFill/>
        </p:spPr>
      </p:pic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A49301C-DDD3-4B86-4275-A9608DFBD6E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7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F2336EB-5648-E51B-F80B-568F06DF30C7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26</a:t>
            </a:fld>
            <a:endParaRPr lang="en-US"/>
          </a:p>
        </p:txBody>
      </p:sp>
      <p:cxnSp>
        <p:nvCxnSpPr>
          <p:cNvPr id="17" name="Gerade Verbindung mit Pfeil 16">
            <a:extLst>
              <a:ext uri="{FF2B5EF4-FFF2-40B4-BE49-F238E27FC236}">
                <a16:creationId xmlns:a16="http://schemas.microsoft.com/office/drawing/2014/main" id="{35D67B6C-5009-0820-47B9-1352B836E2D9}"/>
              </a:ext>
            </a:extLst>
          </p:cNvPr>
          <p:cNvCxnSpPr>
            <a:cxnSpLocks/>
          </p:cNvCxnSpPr>
          <p:nvPr/>
        </p:nvCxnSpPr>
        <p:spPr bwMode="gray">
          <a:xfrm flipH="1">
            <a:off x="8468081" y="3884624"/>
            <a:ext cx="701677" cy="0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feld 18">
            <a:extLst>
              <a:ext uri="{FF2B5EF4-FFF2-40B4-BE49-F238E27FC236}">
                <a16:creationId xmlns:a16="http://schemas.microsoft.com/office/drawing/2014/main" id="{147B42F3-1F2B-FCEB-7716-D93EF7AE4999}"/>
              </a:ext>
            </a:extLst>
          </p:cNvPr>
          <p:cNvSpPr txBox="1"/>
          <p:nvPr/>
        </p:nvSpPr>
        <p:spPr bwMode="gray">
          <a:xfrm>
            <a:off x="9254544" y="3774176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Dateipfad Kopieren</a:t>
            </a:r>
          </a:p>
        </p:txBody>
      </p:sp>
      <p:cxnSp>
        <p:nvCxnSpPr>
          <p:cNvPr id="3" name="Gerade Verbindung mit Pfeil 2">
            <a:extLst>
              <a:ext uri="{FF2B5EF4-FFF2-40B4-BE49-F238E27FC236}">
                <a16:creationId xmlns:a16="http://schemas.microsoft.com/office/drawing/2014/main" id="{DACFCF9F-EA5E-5F3E-A758-DC70444CEA1C}"/>
              </a:ext>
            </a:extLst>
          </p:cNvPr>
          <p:cNvCxnSpPr>
            <a:cxnSpLocks/>
          </p:cNvCxnSpPr>
          <p:nvPr/>
        </p:nvCxnSpPr>
        <p:spPr bwMode="gray">
          <a:xfrm flipH="1" flipV="1">
            <a:off x="2163651" y="328411"/>
            <a:ext cx="7006107" cy="3556213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0DB45507-B1C3-AD90-58BF-5B9D94A048F9}"/>
              </a:ext>
            </a:extLst>
          </p:cNvPr>
          <p:cNvSpPr txBox="1"/>
          <p:nvPr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DAB3A352-6051-C316-5A63-9FD210194520}"/>
              </a:ext>
            </a:extLst>
          </p:cNvPr>
          <p:cNvSpPr txBox="1"/>
          <p:nvPr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5EBDA9B-17B6-A257-5134-054FA34BC036}"/>
              </a:ext>
            </a:extLst>
          </p:cNvPr>
          <p:cNvSpPr txBox="1"/>
          <p:nvPr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4" name="Classification" descr="{&quot;templafy&quot;:{&quot;id&quot;:&quot;56c66ede-06b3-4621-8497-de452f5b077b&quot;}}">
            <a:extLst>
              <a:ext uri="{FF2B5EF4-FFF2-40B4-BE49-F238E27FC236}">
                <a16:creationId xmlns:a16="http://schemas.microsoft.com/office/drawing/2014/main" id="{0A9FA315-60D0-9570-9F20-60655509BA2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5" name="Logo">
            <a:extLst>
              <a:ext uri="{FF2B5EF4-FFF2-40B4-BE49-F238E27FC236}">
                <a16:creationId xmlns:a16="http://schemas.microsoft.com/office/drawing/2014/main" id="{30B23B23-796A-7D57-7EB8-AD28C62402E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135829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Inhaltsplatzhalter 8">
            <a:extLst>
              <a:ext uri="{FF2B5EF4-FFF2-40B4-BE49-F238E27FC236}">
                <a16:creationId xmlns:a16="http://schemas.microsoft.com/office/drawing/2014/main" id="{2F4A7D53-B599-09D5-89B7-1300F2EEB3B2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2"/>
          <a:stretch/>
        </p:blipFill>
        <p:spPr>
          <a:xfrm>
            <a:off x="0" y="0"/>
            <a:ext cx="12192000" cy="6857999"/>
          </a:xfrm>
          <a:noFill/>
        </p:spPr>
      </p:pic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47C60EE8-105E-7D57-DBE4-D1D402EEFA30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7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41DB390-D993-6625-526C-210119BC05B2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27</a:t>
            </a:fld>
            <a:endParaRPr lang="en-US"/>
          </a:p>
        </p:txBody>
      </p:sp>
      <p:cxnSp>
        <p:nvCxnSpPr>
          <p:cNvPr id="17" name="Gerade Verbindung mit Pfeil 16">
            <a:extLst>
              <a:ext uri="{FF2B5EF4-FFF2-40B4-BE49-F238E27FC236}">
                <a16:creationId xmlns:a16="http://schemas.microsoft.com/office/drawing/2014/main" id="{07A17805-43C0-07D1-4381-98FA0289001E}"/>
              </a:ext>
            </a:extLst>
          </p:cNvPr>
          <p:cNvCxnSpPr>
            <a:cxnSpLocks/>
          </p:cNvCxnSpPr>
          <p:nvPr/>
        </p:nvCxnSpPr>
        <p:spPr bwMode="gray">
          <a:xfrm>
            <a:off x="4338670" y="4635062"/>
            <a:ext cx="826113" cy="290086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feld 18">
            <a:extLst>
              <a:ext uri="{FF2B5EF4-FFF2-40B4-BE49-F238E27FC236}">
                <a16:creationId xmlns:a16="http://schemas.microsoft.com/office/drawing/2014/main" id="{F7B40E15-8ED2-981A-97CF-577791EF94F4}"/>
              </a:ext>
            </a:extLst>
          </p:cNvPr>
          <p:cNvSpPr txBox="1"/>
          <p:nvPr/>
        </p:nvSpPr>
        <p:spPr bwMode="gray">
          <a:xfrm>
            <a:off x="1620696" y="4083269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Zip Herunterladen und nach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C:/Users/DEINNAME/GoProgrammieren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extrahieren</a:t>
            </a:r>
          </a:p>
          <a:p>
            <a:pPr algn="l">
              <a:spcBef>
                <a:spcPts val="600"/>
              </a:spcBef>
            </a:pPr>
            <a:endParaRPr lang="de-DE" sz="1400" dirty="0">
              <a:solidFill>
                <a:schemeClr val="bg1"/>
              </a:solidFill>
            </a:endParaRPr>
          </a:p>
        </p:txBody>
      </p:sp>
      <p:sp>
        <p:nvSpPr>
          <p:cNvPr id="10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7703828-0484-0BF4-5D74-B8161BA6E8BF}"/>
              </a:ext>
            </a:extLst>
          </p:cNvPr>
          <p:cNvSpPr txBox="1"/>
          <p:nvPr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E233A6B-E923-1527-2950-33E45CF897A0}"/>
              </a:ext>
            </a:extLst>
          </p:cNvPr>
          <p:cNvSpPr txBox="1"/>
          <p:nvPr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2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2C42025F-41D3-7A5B-2C5F-FD9456AD167C}"/>
              </a:ext>
            </a:extLst>
          </p:cNvPr>
          <p:cNvSpPr txBox="1"/>
          <p:nvPr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" name="Classification" descr="{&quot;templafy&quot;:{&quot;id&quot;:&quot;56c66ede-06b3-4621-8497-de452f5b077b&quot;}}">
            <a:extLst>
              <a:ext uri="{FF2B5EF4-FFF2-40B4-BE49-F238E27FC236}">
                <a16:creationId xmlns:a16="http://schemas.microsoft.com/office/drawing/2014/main" id="{440DA8F8-ECA6-B65D-7FAD-EB90A4B219A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4" name="Logo">
            <a:extLst>
              <a:ext uri="{FF2B5EF4-FFF2-40B4-BE49-F238E27FC236}">
                <a16:creationId xmlns:a16="http://schemas.microsoft.com/office/drawing/2014/main" id="{05B522FA-152C-BC97-9E9F-C9DB635D04D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53352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232987CA-87EA-FE7A-7937-D3F5CFE27F9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42"/>
            <a:ext cx="12192000" cy="6855916"/>
          </a:xfrm>
          <a:prstGeom prst="rect">
            <a:avLst/>
          </a:prstGeom>
        </p:spPr>
      </p:pic>
      <p:cxnSp>
        <p:nvCxnSpPr>
          <p:cNvPr id="7" name="Gerade Verbindung mit Pfeil 6">
            <a:extLst>
              <a:ext uri="{FF2B5EF4-FFF2-40B4-BE49-F238E27FC236}">
                <a16:creationId xmlns:a16="http://schemas.microsoft.com/office/drawing/2014/main" id="{AD42B048-99B3-3EC3-FD9C-862845D63BD7}"/>
              </a:ext>
            </a:extLst>
          </p:cNvPr>
          <p:cNvCxnSpPr>
            <a:cxnSpLocks/>
          </p:cNvCxnSpPr>
          <p:nvPr/>
        </p:nvCxnSpPr>
        <p:spPr bwMode="gray">
          <a:xfrm flipH="1" flipV="1">
            <a:off x="5618830" y="2793650"/>
            <a:ext cx="1936006" cy="1172954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feld 8">
            <a:extLst>
              <a:ext uri="{FF2B5EF4-FFF2-40B4-BE49-F238E27FC236}">
                <a16:creationId xmlns:a16="http://schemas.microsoft.com/office/drawing/2014/main" id="{6BCDC28F-2647-8A03-0BD4-CB7A42FD981C}"/>
              </a:ext>
            </a:extLst>
          </p:cNvPr>
          <p:cNvSpPr txBox="1"/>
          <p:nvPr/>
        </p:nvSpPr>
        <p:spPr bwMode="gray">
          <a:xfrm>
            <a:off x="7655734" y="3840480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Hier Klicken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Ordner in</a:t>
            </a:r>
          </a:p>
          <a:p>
            <a:pPr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C:/Users/DEINNAME/GoProgrammieren</a:t>
            </a:r>
          </a:p>
          <a:p>
            <a:pPr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speichern</a:t>
            </a:r>
          </a:p>
          <a:p>
            <a:pPr algn="l">
              <a:spcBef>
                <a:spcPts val="600"/>
              </a:spcBef>
            </a:pPr>
            <a:endParaRPr lang="de-DE" sz="14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67312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4D537D1-5DEB-FA09-A09C-F523227712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rstes Programm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7C7CA299-835D-5F9B-6151-386C85799976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0994" y="1929600"/>
            <a:ext cx="11530011" cy="4248150"/>
          </a:xfrm>
        </p:spPr>
        <p:txBody>
          <a:bodyPr/>
          <a:lstStyle/>
          <a:p>
            <a:r>
              <a:rPr lang="de-DE" dirty="0"/>
              <a:t>Auf terminal gehen</a:t>
            </a:r>
          </a:p>
          <a:p>
            <a:r>
              <a:rPr lang="de-DE" dirty="0" err="1"/>
              <a:t>Cd</a:t>
            </a:r>
            <a:r>
              <a:rPr lang="de-DE" dirty="0"/>
              <a:t> </a:t>
            </a:r>
            <a:r>
              <a:rPr lang="de-DE" dirty="0" err="1"/>
              <a:t>hello</a:t>
            </a:r>
            <a:r>
              <a:rPr lang="de-DE" dirty="0"/>
              <a:t> </a:t>
            </a:r>
            <a:r>
              <a:rPr lang="de-DE" dirty="0" err="1"/>
              <a:t>world</a:t>
            </a:r>
            <a:r>
              <a:rPr lang="de-DE" dirty="0"/>
              <a:t> eingeben ( mit Tab vervollständigen )</a:t>
            </a:r>
          </a:p>
          <a:p>
            <a:r>
              <a:rPr lang="de-DE" dirty="0"/>
              <a:t>Go </a:t>
            </a:r>
            <a:r>
              <a:rPr lang="de-DE" dirty="0" err="1"/>
              <a:t>run</a:t>
            </a:r>
            <a:r>
              <a:rPr lang="de-DE" dirty="0"/>
              <a:t> </a:t>
            </a:r>
            <a:r>
              <a:rPr lang="de-DE" dirty="0" err="1"/>
              <a:t>main.go</a:t>
            </a:r>
            <a:r>
              <a:rPr lang="de-DE" dirty="0"/>
              <a:t> eingeben</a:t>
            </a:r>
          </a:p>
          <a:p>
            <a:r>
              <a:rPr lang="de-DE" dirty="0"/>
              <a:t>Wenn das </a:t>
            </a:r>
            <a:r>
              <a:rPr lang="de-DE" dirty="0" err="1"/>
              <a:t>Teminal</a:t>
            </a:r>
            <a:r>
              <a:rPr lang="de-DE" dirty="0"/>
              <a:t> so aussieht funktioniert alles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3F45D31C-C2BA-0576-7D83-886CCB472E6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AD8108D9-A873-237C-D800-98CA0DF630D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EB6D8A7-3E21-9DFC-2BCA-39DC8D7726A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0FC2A440-5675-2054-49DD-498990A36C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9</a:t>
            </a:fld>
            <a:endParaRPr lang="en-US" dirty="0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8891A230-008F-1A73-A81B-D46EDC9E561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95073" y="3329674"/>
            <a:ext cx="7001852" cy="14480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84599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B5A828-6992-4FF8-33D8-4A6A64FE17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Ordn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E085906-2DBA-755B-9EA3-46D1947942C0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In einem Ordner können beliebig viele Unterordner sein</a:t>
            </a:r>
          </a:p>
          <a:p>
            <a:r>
              <a:rPr lang="de-DE" dirty="0"/>
              <a:t>Jeder Unterordner kann beliebig viele Unterordner haben (solange genug Speicherplatz vorhanden ist)</a:t>
            </a:r>
          </a:p>
          <a:p>
            <a:r>
              <a:rPr lang="de-DE" dirty="0"/>
              <a:t>Spezielle Ordner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OneDrive : Dateien in Cloud gespeichert, Cloud ist ein Anderer Computer im ABB-Netzwerk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C:/Users/name/Downloads: Standardmäßiger Ordner für Download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C:/Users/name/Desktop: alle Dateien, die hier gespeichert sind, sind auf dem Desktop sichtba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C:/Program Files und C:/Program Files (x86) : Benötigen Adminrechte zum Schreib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Network: Ordner, der vom Netzwerk, mit dem der Computer verbunden ist, zur Verfügung gestellt wird, lese und schreibrecht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9738988-3E05-DC86-7FB2-ABE5C76BF13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6991A9A-62A7-16E3-7878-01C459035A4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86D598C-14B0-D7D4-890B-85984467CBA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D6BA43B-0AAD-0EB8-6B05-0F66F467EE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169105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8220EEA-D048-8AE6-C210-4E8815CEEEEE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54CDD640-6055-43DB-A9D3-529B9F9D6962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B855FF7-F525-FBDB-1F1A-D3424364C82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D2B47D-22F5-8648-8AD6-AF9B29531AB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87891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fik 15">
            <a:extLst>
              <a:ext uri="{FF2B5EF4-FFF2-40B4-BE49-F238E27FC236}">
                <a16:creationId xmlns:a16="http://schemas.microsoft.com/office/drawing/2014/main" id="{388D1C6E-BF04-FEAD-8B44-0D326FA5CFA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39596" y="1967000"/>
            <a:ext cx="8080175" cy="4251531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Dateien</a:t>
            </a:r>
            <a:r>
              <a:rPr lang="en-US" dirty="0"/>
              <a:t> </a:t>
            </a:r>
            <a:r>
              <a:rPr lang="en-US" dirty="0" err="1"/>
              <a:t>eines</a:t>
            </a:r>
            <a:r>
              <a:rPr lang="en-US" dirty="0"/>
              <a:t> </a:t>
            </a:r>
            <a:r>
              <a:rPr lang="en-US" dirty="0" err="1"/>
              <a:t>Programm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8D2200-8483-86FD-8B99-D21FD36527E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23DA47-3B96-7D31-A324-A8EF6AE8494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</a:t>
            </a:fld>
            <a:endParaRPr lang="en-US" dirty="0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AF49B976-B457-46E8-45E6-92CFB033DFF3}"/>
              </a:ext>
            </a:extLst>
          </p:cNvPr>
          <p:cNvCxnSpPr/>
          <p:nvPr/>
        </p:nvCxnSpPr>
        <p:spPr bwMode="gray">
          <a:xfrm flipH="1">
            <a:off x="3156078" y="2982005"/>
            <a:ext cx="1328468" cy="0"/>
          </a:xfrm>
          <a:prstGeom prst="straightConnector1">
            <a:avLst/>
          </a:prstGeom>
          <a:ln w="5715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A118A949-42BE-8A65-F55B-C9C35C437242}"/>
              </a:ext>
            </a:extLst>
          </p:cNvPr>
          <p:cNvSpPr txBox="1"/>
          <p:nvPr/>
        </p:nvSpPr>
        <p:spPr bwMode="gray">
          <a:xfrm>
            <a:off x="4665283" y="288122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Desktopverknüpfung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5149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4A89B3-6EF7-6B61-71E0-465F2520BB3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Desktopverknüpfu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F3A7730-9ADB-074D-294B-AF9DC0872808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0994" y="1609952"/>
            <a:ext cx="11530011" cy="4248150"/>
          </a:xfrm>
        </p:spPr>
        <p:txBody>
          <a:bodyPr/>
          <a:lstStyle/>
          <a:p>
            <a:r>
              <a:rPr lang="de-DE" dirty="0"/>
              <a:t>Verknüpfungsdatei im Ordner Desktop</a:t>
            </a:r>
          </a:p>
          <a:p>
            <a:r>
              <a:rPr lang="de-DE" dirty="0"/>
              <a:t>OneDrive Ordner ist auch auf einem ABB-Server gespeichert</a:t>
            </a:r>
          </a:p>
          <a:p>
            <a:r>
              <a:rPr lang="de-DE" dirty="0"/>
              <a:t>Beim aufrufen ruft sie den hinterlegten Dateipfad auf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B30D58-3E06-2204-5456-D50F884A370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E5FE960-F1C3-5529-1EC6-6CD50166D53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B0CA4BF-9D2B-46CF-47A0-9C88DB6B91A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6F50556-0783-176E-764E-C4D5C65A31F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</a:t>
            </a:fld>
            <a:endParaRPr lang="en-US" dirty="0"/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958847EB-7126-384E-3302-8536D67BD33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04604" y="2439010"/>
            <a:ext cx="6242304" cy="3525397"/>
          </a:xfrm>
          <a:prstGeom prst="rect">
            <a:avLst/>
          </a:prstGeom>
        </p:spPr>
      </p:pic>
      <p:cxnSp>
        <p:nvCxnSpPr>
          <p:cNvPr id="12" name="Gerade Verbindung mit Pfeil 11">
            <a:extLst>
              <a:ext uri="{FF2B5EF4-FFF2-40B4-BE49-F238E27FC236}">
                <a16:creationId xmlns:a16="http://schemas.microsoft.com/office/drawing/2014/main" id="{2AACC3F7-F3E6-7C5B-D4FA-A1BD3FD5895E}"/>
              </a:ext>
            </a:extLst>
          </p:cNvPr>
          <p:cNvCxnSpPr>
            <a:cxnSpLocks/>
          </p:cNvCxnSpPr>
          <p:nvPr/>
        </p:nvCxnSpPr>
        <p:spPr bwMode="gray">
          <a:xfrm flipH="1">
            <a:off x="8346908" y="4135447"/>
            <a:ext cx="538675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26260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04A479-5943-033A-EE01-5D4F070F0F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erknüpfung nach wo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FB0D4D7-150B-9403-13EF-A03271553F69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Bei normaler Installation:</a:t>
            </a:r>
          </a:p>
          <a:p>
            <a:r>
              <a:rPr lang="de-DE" dirty="0"/>
              <a:t>C:/Program Files oder C:/Program Files (x86)</a:t>
            </a:r>
          </a:p>
          <a:p>
            <a:r>
              <a:rPr lang="de-DE" dirty="0"/>
              <a:t>Edge Speicherort: C:\Program Files (x86)\Microsoft\Edge\</a:t>
            </a:r>
            <a:r>
              <a:rPr lang="de-DE" dirty="0" err="1"/>
              <a:t>Application</a:t>
            </a:r>
            <a:endParaRPr lang="de-DE" dirty="0"/>
          </a:p>
          <a:p>
            <a:r>
              <a:rPr lang="de-DE" dirty="0"/>
              <a:t>Installation auf diese Ordner benötigt Adminrechte</a:t>
            </a:r>
          </a:p>
          <a:p>
            <a:r>
              <a:rPr lang="de-DE" dirty="0"/>
              <a:t>Gute Ordnung mit diesen Ordnern</a:t>
            </a:r>
          </a:p>
          <a:p>
            <a:r>
              <a:rPr lang="de-DE" dirty="0"/>
              <a:t>Zusätzlich haben viele Apps Daten in C:/Users/Name/AppData gespeichert (lesen und schreiben ohne Adminrechte möglich)</a:t>
            </a:r>
          </a:p>
          <a:p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0B2589F-B9B1-08F4-12D1-325F64C9014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D92D59-B224-DBFC-6A3A-5FA8123DAAC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67D7247-3A03-24C0-5A76-12045DB1F3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10B076B-4A5F-EE30-C202-E59D7F6D64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650327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DEA264-1664-6DCA-2EEF-B4F60B0D57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Install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6F4BEEC-DAC0-F392-4C03-0DA987F41490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Ausführbare Dateien (.exe)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downloaden sich aus dem Internet die App und speichern sie in </a:t>
            </a:r>
            <a:r>
              <a:rPr lang="de-DE" dirty="0" err="1"/>
              <a:t>Program</a:t>
            </a:r>
            <a:r>
              <a:rPr lang="de-DE" dirty="0"/>
              <a:t> Fil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Benötigt Adminrechte, die ihr nicht habt</a:t>
            </a:r>
          </a:p>
          <a:p>
            <a:r>
              <a:rPr lang="de-DE" dirty="0"/>
              <a:t>Installieren über Zip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Auf installier Website der App gibt es immer die Option, die Zip Datei zu download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ip Datei landet nach Download im Ordner Download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ip Datei ist ein Ordner, der in eine Datei konvertiert wurde, um schneller kopiert und heruntergeladen zu werd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ip Datei muss extrahiert werd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Rechtsklick auf Datei </a:t>
            </a:r>
            <a:r>
              <a:rPr lang="de-DE" dirty="0">
                <a:sym typeface="Wingdings" panose="05000000000000000000" pitchFamily="2" charset="2"/>
              </a:rPr>
              <a:t> Senden an  Alle extrahieren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>
                <a:sym typeface="Wingdings" panose="05000000000000000000" pitchFamily="2" charset="2"/>
              </a:rPr>
              <a:t>Fenster öffnet sich, in dem man den Speicherort für den Ordner angeben mus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>
                <a:sym typeface="Wingdings" panose="05000000000000000000" pitchFamily="2" charset="2"/>
              </a:rPr>
              <a:t>Richtige Zip Download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>
              <a:sym typeface="Wingdings" panose="05000000000000000000" pitchFamily="2" charset="2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>
              <a:sym typeface="Wingdings" panose="05000000000000000000" pitchFamily="2" charset="2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14DB3A7-5AE2-E560-D47C-02AD7F8D2DC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FC21982-C9EF-FF30-D2A7-5297A9D850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F2E1EA9-E666-D970-78CB-A88298E9857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AC089D8-71C2-7ADD-8494-A7C1B2F129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7</a:t>
            </a:fld>
            <a:endParaRPr lang="en-US" dirty="0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67D17A8F-A716-02A9-1694-2A613EF5DC0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256356" y="4681566"/>
            <a:ext cx="2048161" cy="14289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92601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D966DB-EAC0-1F19-3F08-1617C14FB8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igener Ordner Programm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E98B111-116F-8C40-E5CE-0CAB07C18FC9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Um das Problem der fehlenden Adminrechte zu umgehen, erstellen wir den Ordner C:/Programme</a:t>
            </a:r>
          </a:p>
          <a:p>
            <a:r>
              <a:rPr lang="de-DE" dirty="0"/>
              <a:t>Zip nach C:/Programme extrahieren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C82161C-F25A-567F-1FF5-2FDCDB6032E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C9EEAE4-C989-17F7-C844-FE416C3EEB2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2E07077-4EC7-C071-FE60-851156E9980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7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B240C25-CC72-8FA2-6393-085C8E5D88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40313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937B8EB-D114-64D7-89BF-1E448E4343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ctr">
            <a:normAutofit/>
          </a:bodyPr>
          <a:lstStyle/>
          <a:p>
            <a:r>
              <a:rPr lang="de-DE" dirty="0"/>
              <a:t>Eigener Ordner für Go Programmierung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0521B1CB-2BC7-221C-2FF9-6B9737FA991C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5669755" cy="4248150"/>
          </a:xfrm>
        </p:spPr>
        <p:txBody>
          <a:bodyPr>
            <a:norm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Für eine gute Organisation sollten die Ordner, in denen ihr Programmiert, woanders gespeichert sei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C:/Users/DEINNAME/GoProgrammier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Ordner an den Schnellzugriff anheften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7BAD2771-00D9-C111-CA2B-7499C6A99BE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endParaRPr lang="en-US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B13BCAE8-491C-2BD7-5E67-91D6455439B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/>
          </a:p>
        </p:txBody>
      </p:sp>
      <p:pic>
        <p:nvPicPr>
          <p:cNvPr id="9" name="Grafik 8" descr="Ein Bild, das Screenshot, Text, Software, Multimedia-Software enthält.&#10;&#10;KI-generierte Inhalte können fehlerhaft sein.">
            <a:extLst>
              <a:ext uri="{FF2B5EF4-FFF2-40B4-BE49-F238E27FC236}">
                <a16:creationId xmlns:a16="http://schemas.microsoft.com/office/drawing/2014/main" id="{93F62C61-F4D6-35BF-C6DE-D959206C00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191454" y="2537015"/>
            <a:ext cx="5669755" cy="3033319"/>
          </a:xfrm>
          <a:prstGeom prst="rect">
            <a:avLst/>
          </a:prstGeom>
          <a:noFill/>
        </p:spPr>
      </p:pic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21A687A1-B6FD-2068-1E29-3D1176B7A62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7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4FEFA45-B0B0-D2A6-5E17-6BF4055CC6E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27671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ABB NEW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Chart 1">
      <a:srgbClr val="FF000F"/>
    </a:custClr>
    <a:custClr name="Chart 2">
      <a:srgbClr val="FF957E"/>
    </a:custClr>
    <a:custClr name="Chart 3">
      <a:srgbClr val="FFDCCD"/>
    </a:custClr>
    <a:custClr name="Chart 4">
      <a:srgbClr val="6764F6"/>
    </a:custClr>
    <a:custClr name="Chart 5">
      <a:srgbClr val="93A1FF"/>
    </a:custClr>
    <a:custClr name="Chart 6">
      <a:srgbClr val="E4E7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Chart 7">
      <a:srgbClr val="000000"/>
    </a:custClr>
    <a:custClr name="Chart 8">
      <a:srgbClr val="6E6E6E"/>
    </a:custClr>
    <a:custClr name="Chart 9">
      <a:srgbClr val="A9A9A9"/>
    </a:custClr>
    <a:custClr name="Chart 10">
      <a:srgbClr val="D2D2D2"/>
    </a:custClr>
    <a:custClr name="Chart 11">
      <a:srgbClr val="F0F0F0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 (light photo)" shape-1-name-1="Revision" shape-1-name-2="Copyright" shape-1-name-3="DocumentID" shape-1-name-4="Logo" shape-1-name-5="Classification" layout-2-name="Cover D (dark photo)" shape-2-name-1="Revision" shape-2-name-2="Copyright" shape-2-name-3="DocumentID" shape-2-name-4="Logo" shape-2-name-5="Classification" layout-3-name="Cover E" shape-3-name-1="Classification" layout-4-name="Cover F" shape-4-name-1="Classification" shape-4-name-2="Logo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1233787476233682945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1233787476233682946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1233787476233682947","enableDocumentContentUpdater":false,"version":"2.0"}]]></TemplafySlideTemplateConfiguration>
</file>

<file path=customXml/item2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npIDexmnRzOcjhpjclFbEw=="},{"name":"ProjectName","value":"npIDexmnRzOcjhpjclFbEw=="},{"name":"Revision","value":"npIDexmnRzOcjhpjclFbEw=="},{"name":"ApprovalDate","value":"npIDexmnRzOcjhpjclFbEw=="},{"name":"ApprovedByPerson","value":"npIDexmnRzOcjhpjclFbEw=="},{"name":"PreparedDate","value":"npIDexmnRzOcjhpjclFbEw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3.xml><?xml version="1.0" encoding="utf-8"?>
<TemplafyTemplateConfiguration><![CDATA[{"elementsMetadata":[{"type":"shape","id":"2ff4d1cf-10d5-4908-9636-79812843b106","elementConfiguration":{"binding":"{{FormatDateTime(Form.PreparedDate, \"MMMM d, yyyy\")}}","visibility":"","type":"text","disableUpdates":false}},{"type":"shape","id":"dae0bc77-7877-4f2d-9ce4-03220c72f4c7","elementConfiguration":{"width":"4.25 cm","height":"0.7 cm","image":"{{Form.SecurityLevel.Classification}}","type":"image","disableUpdates":false}},{"type":"shape","id":"156d795f-ba71-4204-ab71-2568300fcb7e","elementConfiguration":{"width":"4.25 cm","height":"0.7 cm","image":"{{Form.SecurityLevel.Classification}}","type":"image","disableUpdates":false}},{"type":"shape","id":"5a163b1e-2162-45fe-8f68-c4d452d288f8","elementConfiguration":{"width":"4.25 cm","height":"0.7 cm","image":"{{Form.SecurityLevel.Classification}}","type":"image","disableUpdates":false}},{"type":"shape","id":"56c66ede-06b3-4621-8497-de452f5b077b","elementConfiguration":{"width":"4.25 cm","height":"0.7 cm","image":"{{Form.SecurityLevel.Classification}}","type":"image","disableUpdates":false}},{"type":"shape","id":"6c041c66-7d6f-4890-81c0-4e38af123421","elementConfiguration":{"width":"4.25 cm","height":"0.7 cm","image":"{{Form.SecurityLevel.Classification}}","type":"image","disableUpdates":false}},{"type":"shape","id":"5b8c6903-56f4-4f98-accb-e27cc7070117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Official PowerPoint Template (EtO)","templateDescription":"","enableDocumentContentUpdater":tru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5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1233787476233682944","enableDocumentContentUpdater":false,"version":"2.0"}]]></TemplafySlideTemplateConfiguration>
</file>

<file path=customXml/item9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Props1.xml><?xml version="1.0" encoding="utf-8"?>
<ds:datastoreItem xmlns:ds="http://schemas.openxmlformats.org/officeDocument/2006/customXml" ds:itemID="{3701DADA-2F68-45DF-8F02-C8ED25A02974}">
  <ds:schemaRefs/>
</ds:datastoreItem>
</file>

<file path=customXml/itemProps10.xml><?xml version="1.0" encoding="utf-8"?>
<ds:datastoreItem xmlns:ds="http://schemas.openxmlformats.org/officeDocument/2006/customXml" ds:itemID="{8265113A-9CF8-4F3C-A204-F97A907EC37F}">
  <ds:schemaRefs/>
</ds:datastoreItem>
</file>

<file path=customXml/itemProps11.xml><?xml version="1.0" encoding="utf-8"?>
<ds:datastoreItem xmlns:ds="http://schemas.openxmlformats.org/officeDocument/2006/customXml" ds:itemID="{20F5C750-582F-46BB-A4BF-CBC0EFE7CA78}">
  <ds:schemaRefs/>
</ds:datastoreItem>
</file>

<file path=customXml/itemProps12.xml><?xml version="1.0" encoding="utf-8"?>
<ds:datastoreItem xmlns:ds="http://schemas.openxmlformats.org/officeDocument/2006/customXml" ds:itemID="{55E46940-6434-4A2E-97B3-DE85BC1783F5}">
  <ds:schemaRefs/>
</ds:datastoreItem>
</file>

<file path=customXml/itemProps13.xml><?xml version="1.0" encoding="utf-8"?>
<ds:datastoreItem xmlns:ds="http://schemas.openxmlformats.org/officeDocument/2006/customXml" ds:itemID="{DD3C33AD-792D-4526-B706-A09FEA4C6707}">
  <ds:schemaRefs/>
</ds:datastoreItem>
</file>

<file path=customXml/itemProps14.xml><?xml version="1.0" encoding="utf-8"?>
<ds:datastoreItem xmlns:ds="http://schemas.openxmlformats.org/officeDocument/2006/customXml" ds:itemID="{29D7A846-0DA2-42A4-98F2-11B97807D5A0}">
  <ds:schemaRefs/>
</ds:datastoreItem>
</file>

<file path=customXml/itemProps15.xml><?xml version="1.0" encoding="utf-8"?>
<ds:datastoreItem xmlns:ds="http://schemas.openxmlformats.org/officeDocument/2006/customXml" ds:itemID="{17737E7C-FF8E-4947-8556-019F4675B7F5}">
  <ds:schemaRefs/>
</ds:datastoreItem>
</file>

<file path=customXml/itemProps2.xml><?xml version="1.0" encoding="utf-8"?>
<ds:datastoreItem xmlns:ds="http://schemas.openxmlformats.org/officeDocument/2006/customXml" ds:itemID="{88746BAB-2507-4F3A-B16E-ED38367EE530}">
  <ds:schemaRefs/>
</ds:datastoreItem>
</file>

<file path=customXml/itemProps3.xml><?xml version="1.0" encoding="utf-8"?>
<ds:datastoreItem xmlns:ds="http://schemas.openxmlformats.org/officeDocument/2006/customXml" ds:itemID="{D2280EEE-F7B5-4B82-8B3F-6C5291CE43BF}">
  <ds:schemaRefs/>
</ds:datastoreItem>
</file>

<file path=customXml/itemProps4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6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583016FA-8CF4-49F0-B3A3-2E0DED7C71BA}">
  <ds:schemaRefs/>
</ds:datastoreItem>
</file>

<file path=customXml/itemProps9.xml><?xml version="1.0" encoding="utf-8"?>
<ds:datastoreItem xmlns:ds="http://schemas.openxmlformats.org/officeDocument/2006/customXml" ds:itemID="{3ECD800E-71F1-48A7-95FD-4E027165EBAE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0</TotalTime>
  <Words>873</Words>
  <Application>Microsoft Office PowerPoint</Application>
  <PresentationFormat>Breitbild</PresentationFormat>
  <Paragraphs>171</Paragraphs>
  <Slides>31</Slides>
  <Notes>0</Notes>
  <HiddenSlides>1</HiddenSlides>
  <MMClips>0</MMClips>
  <ScaleCrop>false</ScaleCrop>
  <HeadingPairs>
    <vt:vector size="6" baseType="variant">
      <vt:variant>
        <vt:lpstr>Verwendete Schriftarten</vt:lpstr>
      </vt:variant>
      <vt:variant>
        <vt:i4>5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31</vt:i4>
      </vt:variant>
    </vt:vector>
  </HeadingPairs>
  <TitlesOfParts>
    <vt:vector size="37" baseType="lpstr">
      <vt:lpstr>ABBvoice</vt:lpstr>
      <vt:lpstr>Wingdings</vt:lpstr>
      <vt:lpstr>Arial</vt:lpstr>
      <vt:lpstr>ABBvoice Light</vt:lpstr>
      <vt:lpstr>ABBvoice Display SemiBold</vt:lpstr>
      <vt:lpstr>ABB Master</vt:lpstr>
      <vt:lpstr>Installation 1</vt:lpstr>
      <vt:lpstr>Wie funktionieren Dateien</vt:lpstr>
      <vt:lpstr>Ordner</vt:lpstr>
      <vt:lpstr>Dateien eines Programms</vt:lpstr>
      <vt:lpstr>Desktopverknüpfung</vt:lpstr>
      <vt:lpstr>Verknüpfung nach wo?</vt:lpstr>
      <vt:lpstr>Installer</vt:lpstr>
      <vt:lpstr>Eigener Ordner Programme</vt:lpstr>
      <vt:lpstr>Eigener Ordner für Go Programmierung</vt:lpstr>
      <vt:lpstr>VS-Code</vt:lpstr>
      <vt:lpstr>Github</vt:lpstr>
      <vt:lpstr>PowerPoint-Präsentation</vt:lpstr>
      <vt:lpstr>PowerPoint-Präsentation</vt:lpstr>
      <vt:lpstr>PowerPoint-Präsentation</vt:lpstr>
      <vt:lpstr>PowerPoint-Präsentation</vt:lpstr>
      <vt:lpstr>PowerPoint-Präsentation</vt:lpstr>
      <vt:lpstr>PowerPoint-Präsentation</vt:lpstr>
      <vt:lpstr>Teil 2: Command Prompt</vt:lpstr>
      <vt:lpstr>Path</vt:lpstr>
      <vt:lpstr>Go</vt:lpstr>
      <vt:lpstr>Path variable ändern</vt:lpstr>
      <vt:lpstr>PowerPoint-Präsentation</vt:lpstr>
      <vt:lpstr>PowerPoint-Präsentation</vt:lpstr>
      <vt:lpstr>PowerPoint-Präsentation</vt:lpstr>
      <vt:lpstr>Überprüfen</vt:lpstr>
      <vt:lpstr>PowerPoint-Präsentation</vt:lpstr>
      <vt:lpstr>PowerPoint-Präsentation</vt:lpstr>
      <vt:lpstr>PowerPoint-Präsentation</vt:lpstr>
      <vt:lpstr>Erstes Programm</vt:lpstr>
      <vt:lpstr>PowerPoint-Präsentation</vt:lpstr>
      <vt:lpstr>PowerPoint-Prä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BB</dc:creator>
  <cp:lastModifiedBy>Luis Elsen-Messmer</cp:lastModifiedBy>
  <cp:revision>84</cp:revision>
  <dcterms:created xsi:type="dcterms:W3CDTF">2025-08-05T11:19:40Z</dcterms:created>
  <dcterms:modified xsi:type="dcterms:W3CDTF">2025-09-07T10:03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5-07-21T09:42:46</vt:lpwstr>
  </property>
  <property fmtid="{D5CDD505-2E9C-101B-9397-08002B2CF9AE}" pid="7" name="TemplafyTenantId">
    <vt:lpwstr>abb</vt:lpwstr>
  </property>
  <property fmtid="{D5CDD505-2E9C-101B-9397-08002B2CF9AE}" pid="8" name="TemplafyTemplateId">
    <vt:lpwstr>1233787476087144544</vt:lpwstr>
  </property>
  <property fmtid="{D5CDD505-2E9C-101B-9397-08002B2CF9AE}" pid="9" name="TemplafyUserProfileId">
    <vt:lpwstr>964854138897432589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true</vt:bool>
  </property>
</Properties>
</file>